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6778\Documents\HP\"/>
    </mc:Choice>
  </mc:AlternateContent>
  <xr:revisionPtr revIDLastSave="0" documentId="13_ncr:1_{8FFDA872-6DCB-48B4-9C69-20950AF18A58}" xr6:coauthVersionLast="47" xr6:coauthVersionMax="47" xr10:uidLastSave="{00000000-0000-0000-0000-000000000000}"/>
  <bookViews>
    <workbookView xWindow="-120" yWindow="-120" windowWidth="29040" windowHeight="15840" xr2:uid="{316393D8-482D-46E6-8062-D3CEF419E42C}"/>
  </bookViews>
  <sheets>
    <sheet name="看護介護申立書" sheetId="1" r:id="rId1"/>
  </sheets>
  <externalReferences>
    <externalReference r:id="rId2"/>
    <externalReference r:id="rId3"/>
  </externalReferences>
  <definedNames>
    <definedName name="価格" localSheetId="0">[1]Sheet1!$C:$C</definedName>
    <definedName name="価格">[2]Sheet1!$C:$C</definedName>
    <definedName name="金額" localSheetId="0">[1]Sheet1!$E:$E</definedName>
    <definedName name="金額">[2]Sheet1!$E:$E</definedName>
    <definedName name="個数" localSheetId="0">[1]Sheet1!$D:$D</definedName>
    <definedName name="個数">[2]Sheet1!$D:$D</definedName>
    <definedName name="消費税率" localSheetId="0">[1]Sheet1!$F$1</definedName>
    <definedName name="消費税率">[2]Sheet1!$F$1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48" uniqueCount="43">
  <si>
    <t>看 護 ・ 介 護 申 立 書</t>
    <rPh sb="0" eb="1">
      <t>ミ</t>
    </rPh>
    <rPh sb="2" eb="3">
      <t>ユズル</t>
    </rPh>
    <rPh sb="6" eb="7">
      <t>スケ</t>
    </rPh>
    <rPh sb="8" eb="9">
      <t>ユズル</t>
    </rPh>
    <rPh sb="10" eb="11">
      <t>サル</t>
    </rPh>
    <rPh sb="12" eb="13">
      <t>リツ</t>
    </rPh>
    <rPh sb="14" eb="15">
      <t>ショ</t>
    </rPh>
    <phoneticPr fontId="3"/>
  </si>
  <si>
    <t>【看護・介護者情報】</t>
    <rPh sb="1" eb="3">
      <t>カンゴ</t>
    </rPh>
    <rPh sb="4" eb="6">
      <t>カイゴ</t>
    </rPh>
    <rPh sb="6" eb="7">
      <t>シャ</t>
    </rPh>
    <rPh sb="7" eb="9">
      <t>ジョウホウ</t>
    </rPh>
    <phoneticPr fontId="3"/>
  </si>
  <si>
    <t>氏名</t>
    <rPh sb="0" eb="2">
      <t>シメイ</t>
    </rPh>
    <phoneticPr fontId="3"/>
  </si>
  <si>
    <t>電話番号</t>
    <rPh sb="0" eb="2">
      <t>デンワ</t>
    </rPh>
    <rPh sb="2" eb="4">
      <t>バンゴウ</t>
    </rPh>
    <phoneticPr fontId="3"/>
  </si>
  <si>
    <t>住所</t>
    <rPh sb="0" eb="2">
      <t>ジュウショ</t>
    </rPh>
    <phoneticPr fontId="3"/>
  </si>
  <si>
    <t>沖縄市</t>
    <rPh sb="0" eb="3">
      <t>オキナワシ</t>
    </rPh>
    <phoneticPr fontId="3"/>
  </si>
  <si>
    <t>生年月日</t>
    <rPh sb="0" eb="2">
      <t>セイネン</t>
    </rPh>
    <rPh sb="2" eb="4">
      <t>ガッピ</t>
    </rPh>
    <phoneticPr fontId="3"/>
  </si>
  <si>
    <t>　S ・ H 　　　年　　　月　　　日</t>
    <rPh sb="10" eb="11">
      <t>ネン</t>
    </rPh>
    <rPh sb="14" eb="15">
      <t>ガツ</t>
    </rPh>
    <rPh sb="18" eb="19">
      <t>ニチ</t>
    </rPh>
    <phoneticPr fontId="3"/>
  </si>
  <si>
    <t>児童との続柄</t>
    <rPh sb="0" eb="2">
      <t>ジドウ</t>
    </rPh>
    <rPh sb="4" eb="6">
      <t>ゾクガラ</t>
    </rPh>
    <phoneticPr fontId="3"/>
  </si>
  <si>
    <t>被看護・介護者との続柄</t>
    <rPh sb="0" eb="1">
      <t>ヒ</t>
    </rPh>
    <rPh sb="1" eb="3">
      <t>カンゴ</t>
    </rPh>
    <rPh sb="4" eb="7">
      <t>カイゴシャ</t>
    </rPh>
    <rPh sb="9" eb="11">
      <t>ゾクガラ</t>
    </rPh>
    <phoneticPr fontId="3"/>
  </si>
  <si>
    <t>児童名</t>
    <rPh sb="0" eb="2">
      <t>ジドウ</t>
    </rPh>
    <rPh sb="2" eb="3">
      <t>メイ</t>
    </rPh>
    <phoneticPr fontId="3"/>
  </si>
  <si>
    <t>児童生年月日</t>
    <rPh sb="0" eb="2">
      <t>ジドウ</t>
    </rPh>
    <rPh sb="2" eb="4">
      <t>セイネン</t>
    </rPh>
    <rPh sb="4" eb="6">
      <t>ガッピ</t>
    </rPh>
    <phoneticPr fontId="3"/>
  </si>
  <si>
    <t>　H ・ R 　　　年　　　月　　　日　　</t>
    <rPh sb="6" eb="7">
      <t>ネン</t>
    </rPh>
    <rPh sb="10" eb="11">
      <t>ガツ</t>
    </rPh>
    <rPh sb="14" eb="15">
      <t>ニチ</t>
    </rPh>
    <phoneticPr fontId="3"/>
  </si>
  <si>
    <t>【被看護・被介護者情報】</t>
    <rPh sb="1" eb="2">
      <t>ヒ</t>
    </rPh>
    <rPh sb="2" eb="4">
      <t>カンゴ</t>
    </rPh>
    <rPh sb="5" eb="9">
      <t>ヒカイゴシャ</t>
    </rPh>
    <rPh sb="9" eb="11">
      <t>ジョウホウ</t>
    </rPh>
    <phoneticPr fontId="3"/>
  </si>
  <si>
    <t>　S ・ H ・ Ｒ 　　年　　月　　日</t>
    <rPh sb="13" eb="14">
      <t>ネン</t>
    </rPh>
    <rPh sb="16" eb="17">
      <t>ガツ</t>
    </rPh>
    <rPh sb="19" eb="20">
      <t>ニチ</t>
    </rPh>
    <phoneticPr fontId="3"/>
  </si>
  <si>
    <t>看護・介護をしている場所</t>
    <rPh sb="0" eb="2">
      <t>カンゴ</t>
    </rPh>
    <rPh sb="3" eb="5">
      <t>カイゴ</t>
    </rPh>
    <rPh sb="10" eb="12">
      <t>バショ</t>
    </rPh>
    <phoneticPr fontId="3"/>
  </si>
  <si>
    <t>別居の場合の理由</t>
    <rPh sb="0" eb="2">
      <t>ベッキョ</t>
    </rPh>
    <rPh sb="3" eb="5">
      <t>バアイ</t>
    </rPh>
    <rPh sb="6" eb="8">
      <t>リユウ</t>
    </rPh>
    <phoneticPr fontId="3"/>
  </si>
  <si>
    <t>看護・介護の理由</t>
    <rPh sb="0" eb="2">
      <t>カンゴ</t>
    </rPh>
    <rPh sb="3" eb="5">
      <t>カイゴ</t>
    </rPh>
    <rPh sb="6" eb="8">
      <t>リユウ</t>
    </rPh>
    <phoneticPr fontId="3"/>
  </si>
  <si>
    <t>看護・介護の日数（１週あたり）</t>
    <rPh sb="0" eb="2">
      <t>カンゴ</t>
    </rPh>
    <rPh sb="3" eb="5">
      <t>カイゴ</t>
    </rPh>
    <phoneticPr fontId="3"/>
  </si>
  <si>
    <t>　・　週１日　　・　　週２日　　・　　週３日　　・　　週４日　　・　　週５日　　・　　週６日　　・　　週７日</t>
    <rPh sb="3" eb="4">
      <t>シュウ</t>
    </rPh>
    <rPh sb="5" eb="6">
      <t>ニチ</t>
    </rPh>
    <rPh sb="11" eb="12">
      <t>シュウ</t>
    </rPh>
    <rPh sb="13" eb="14">
      <t>ニチ</t>
    </rPh>
    <rPh sb="19" eb="20">
      <t>シュウ</t>
    </rPh>
    <rPh sb="21" eb="22">
      <t>ニチ</t>
    </rPh>
    <rPh sb="27" eb="28">
      <t>シュウ</t>
    </rPh>
    <rPh sb="29" eb="30">
      <t>ニチ</t>
    </rPh>
    <rPh sb="35" eb="36">
      <t>シュウ</t>
    </rPh>
    <rPh sb="37" eb="38">
      <t>ニチ</t>
    </rPh>
    <rPh sb="43" eb="44">
      <t>シュウ</t>
    </rPh>
    <rPh sb="45" eb="46">
      <t>ニチ</t>
    </rPh>
    <rPh sb="51" eb="52">
      <t>シュウ</t>
    </rPh>
    <rPh sb="53" eb="54">
      <t>ニチ</t>
    </rPh>
    <phoneticPr fontId="3"/>
  </si>
  <si>
    <t>　　　　         ・時間（１日あたり）</t>
    <rPh sb="14" eb="16">
      <t>ジカン</t>
    </rPh>
    <rPh sb="18" eb="19">
      <t>ニチ</t>
    </rPh>
    <phoneticPr fontId="3"/>
  </si>
  <si>
    <t>・　２時間以上　・　３時間以上　・　４時間以上　・　５時間以上　・　６時間以上　・　７時間以上　・　８時間以上</t>
    <rPh sb="3" eb="5">
      <t>ジカン</t>
    </rPh>
    <rPh sb="5" eb="7">
      <t>イジョウ</t>
    </rPh>
    <rPh sb="11" eb="13">
      <t>ジカン</t>
    </rPh>
    <rPh sb="13" eb="15">
      <t>イジョウ</t>
    </rPh>
    <rPh sb="19" eb="21">
      <t>ジカン</t>
    </rPh>
    <rPh sb="21" eb="23">
      <t>イジョウ</t>
    </rPh>
    <rPh sb="27" eb="29">
      <t>ジカン</t>
    </rPh>
    <rPh sb="29" eb="31">
      <t>イジョウ</t>
    </rPh>
    <rPh sb="35" eb="37">
      <t>ジカン</t>
    </rPh>
    <rPh sb="37" eb="39">
      <t>イジョウ</t>
    </rPh>
    <rPh sb="43" eb="45">
      <t>ジカン</t>
    </rPh>
    <rPh sb="45" eb="47">
      <t>イジョウ</t>
    </rPh>
    <rPh sb="51" eb="53">
      <t>ジカン</t>
    </rPh>
    <rPh sb="53" eb="55">
      <t>イジョウ</t>
    </rPh>
    <phoneticPr fontId="3"/>
  </si>
  <si>
    <t>看護・介護の状況</t>
    <rPh sb="0" eb="2">
      <t>カンゴ</t>
    </rPh>
    <rPh sb="3" eb="5">
      <t>カイゴ</t>
    </rPh>
    <rPh sb="6" eb="8">
      <t>ジョウキョウ</t>
    </rPh>
    <phoneticPr fontId="3"/>
  </si>
  <si>
    <t>年齢</t>
    <rPh sb="0" eb="2">
      <t>ネンレイ</t>
    </rPh>
    <phoneticPr fontId="3"/>
  </si>
  <si>
    <t>続柄</t>
    <rPh sb="0" eb="2">
      <t>ゾクガラ</t>
    </rPh>
    <phoneticPr fontId="3"/>
  </si>
  <si>
    <t>協力の程度（日数・時間割）</t>
    <rPh sb="0" eb="2">
      <t>キョウリョク</t>
    </rPh>
    <rPh sb="3" eb="5">
      <t>テイド</t>
    </rPh>
    <rPh sb="6" eb="8">
      <t>ニッスウ</t>
    </rPh>
    <rPh sb="9" eb="11">
      <t>ジカン</t>
    </rPh>
    <rPh sb="11" eb="12">
      <t>ワリ</t>
    </rPh>
    <phoneticPr fontId="3"/>
  </si>
  <si>
    <r>
      <t xml:space="preserve">介護サービスの利用状況
</t>
    </r>
    <r>
      <rPr>
        <sz val="8"/>
        <rFont val="ＭＳ Ｐゴシック"/>
        <family val="3"/>
        <charset val="128"/>
      </rPr>
      <t>（できるだけ詳しく記入お願いします）</t>
    </r>
    <rPh sb="0" eb="2">
      <t>カイゴ</t>
    </rPh>
    <rPh sb="7" eb="9">
      <t>リヨウ</t>
    </rPh>
    <rPh sb="9" eb="11">
      <t>ジョウキョウ</t>
    </rPh>
    <rPh sb="19" eb="20">
      <t>クワ</t>
    </rPh>
    <rPh sb="22" eb="24">
      <t>キニュウ</t>
    </rPh>
    <rPh sb="25" eb="26">
      <t>ネガ</t>
    </rPh>
    <phoneticPr fontId="3"/>
  </si>
  <si>
    <t>食事：</t>
    <rPh sb="0" eb="2">
      <t>ショクジ</t>
    </rPh>
    <phoneticPr fontId="3"/>
  </si>
  <si>
    <t>排泄：</t>
    <rPh sb="0" eb="2">
      <t>ハイセツ</t>
    </rPh>
    <phoneticPr fontId="3"/>
  </si>
  <si>
    <t>入浴：</t>
    <rPh sb="0" eb="2">
      <t>ニュウヨク</t>
    </rPh>
    <phoneticPr fontId="3"/>
  </si>
  <si>
    <t>移動：</t>
    <rPh sb="0" eb="2">
      <t>イドウ</t>
    </rPh>
    <phoneticPr fontId="3"/>
  </si>
  <si>
    <t>　沖縄市長　殿</t>
    <rPh sb="1" eb="5">
      <t>オキナワシチョウ</t>
    </rPh>
    <rPh sb="6" eb="7">
      <t>ドノ</t>
    </rPh>
    <phoneticPr fontId="3"/>
  </si>
  <si>
    <t>　別紙診断書（看護・介護用）により診断を受けた者について、看護・介護していることを上記の通り申し立てます。</t>
    <rPh sb="1" eb="3">
      <t>ベッシ</t>
    </rPh>
    <rPh sb="3" eb="6">
      <t>シンダンショ</t>
    </rPh>
    <rPh sb="7" eb="9">
      <t>カンゴ</t>
    </rPh>
    <rPh sb="10" eb="12">
      <t>カイゴ</t>
    </rPh>
    <rPh sb="12" eb="13">
      <t>ヨウ</t>
    </rPh>
    <rPh sb="17" eb="19">
      <t>シンダン</t>
    </rPh>
    <rPh sb="20" eb="21">
      <t>ウ</t>
    </rPh>
    <rPh sb="23" eb="24">
      <t>モノ</t>
    </rPh>
    <rPh sb="29" eb="31">
      <t>カンゴ</t>
    </rPh>
    <rPh sb="32" eb="34">
      <t>カイゴ</t>
    </rPh>
    <rPh sb="41" eb="43">
      <t>ジョウキ</t>
    </rPh>
    <rPh sb="44" eb="45">
      <t>トオ</t>
    </rPh>
    <rPh sb="46" eb="47">
      <t>モウ</t>
    </rPh>
    <rPh sb="48" eb="49">
      <t>タ</t>
    </rPh>
    <phoneticPr fontId="3"/>
  </si>
  <si>
    <t>　　　　　　　　　　　　　令和　　　年　　　月　　　日</t>
    <rPh sb="13" eb="14">
      <t>レイ</t>
    </rPh>
    <rPh sb="14" eb="15">
      <t>ワ</t>
    </rPh>
    <rPh sb="18" eb="19">
      <t>ネン</t>
    </rPh>
    <rPh sb="22" eb="23">
      <t>ガツ</t>
    </rPh>
    <rPh sb="26" eb="27">
      <t>ニチ</t>
    </rPh>
    <phoneticPr fontId="3"/>
  </si>
  <si>
    <t>　住所</t>
    <rPh sb="1" eb="3">
      <t>ジュウショ</t>
    </rPh>
    <phoneticPr fontId="3"/>
  </si>
  <si>
    <t>　氏名　　　　　　　　　　　　　　　　　　　　</t>
    <rPh sb="1" eb="3">
      <t>シメイ</t>
    </rPh>
    <phoneticPr fontId="3"/>
  </si>
  <si>
    <t>※医師記入の「診断書（看護・介護用）」と共に提出をお願いします。</t>
    <rPh sb="1" eb="3">
      <t>イシ</t>
    </rPh>
    <rPh sb="3" eb="5">
      <t>キニュウ</t>
    </rPh>
    <rPh sb="7" eb="10">
      <t>シンダンショ</t>
    </rPh>
    <rPh sb="11" eb="13">
      <t>カンゴ</t>
    </rPh>
    <rPh sb="14" eb="17">
      <t>カイゴヨウ</t>
    </rPh>
    <rPh sb="20" eb="21">
      <t>トモ</t>
    </rPh>
    <rPh sb="22" eb="24">
      <t>テイシュツ</t>
    </rPh>
    <rPh sb="26" eb="27">
      <t>ネガ</t>
    </rPh>
    <phoneticPr fontId="2"/>
  </si>
  <si>
    <t>※この申立書は、保育所入所申込に必要な添付書類であり、その他の目的に使用することはありません。</t>
    <rPh sb="3" eb="6">
      <t>モウシタテショ</t>
    </rPh>
    <rPh sb="8" eb="10">
      <t>ホイク</t>
    </rPh>
    <rPh sb="10" eb="11">
      <t>ショ</t>
    </rPh>
    <rPh sb="11" eb="13">
      <t>ニュウショ</t>
    </rPh>
    <rPh sb="13" eb="14">
      <t>モウ</t>
    </rPh>
    <rPh sb="14" eb="15">
      <t>コ</t>
    </rPh>
    <rPh sb="16" eb="18">
      <t>ヒツヨウ</t>
    </rPh>
    <rPh sb="19" eb="21">
      <t>テンプ</t>
    </rPh>
    <rPh sb="21" eb="23">
      <t>ショルイ</t>
    </rPh>
    <rPh sb="29" eb="30">
      <t>タ</t>
    </rPh>
    <rPh sb="31" eb="33">
      <t>モクテキ</t>
    </rPh>
    <rPh sb="34" eb="36">
      <t>シヨウ</t>
    </rPh>
    <phoneticPr fontId="3"/>
  </si>
  <si>
    <t>　書類提出後に、電話・訪問等による確認を行うことがありますので、ご理解・ご協力お願いします。</t>
    <rPh sb="1" eb="3">
      <t>ショルイ</t>
    </rPh>
    <rPh sb="3" eb="5">
      <t>テイシュツ</t>
    </rPh>
    <rPh sb="5" eb="6">
      <t>ゴ</t>
    </rPh>
    <rPh sb="8" eb="10">
      <t>デンワ</t>
    </rPh>
    <rPh sb="11" eb="14">
      <t>ホウモントウ</t>
    </rPh>
    <rPh sb="17" eb="19">
      <t>カクニン</t>
    </rPh>
    <rPh sb="20" eb="21">
      <t>オコナ</t>
    </rPh>
    <rPh sb="33" eb="35">
      <t>リカイ</t>
    </rPh>
    <rPh sb="37" eb="39">
      <t>キョウリョク</t>
    </rPh>
    <rPh sb="40" eb="41">
      <t>ネガ</t>
    </rPh>
    <phoneticPr fontId="3"/>
  </si>
  <si>
    <t>※申立書の無いように事実と異なることが判明した場合には、入所の取り消しまたは保育所は退所といたします。</t>
    <rPh sb="1" eb="4">
      <t>モウシタテショ</t>
    </rPh>
    <rPh sb="5" eb="6">
      <t>ナ</t>
    </rPh>
    <rPh sb="10" eb="12">
      <t>ジジツ</t>
    </rPh>
    <rPh sb="13" eb="14">
      <t>コト</t>
    </rPh>
    <rPh sb="19" eb="21">
      <t>ハンメイ</t>
    </rPh>
    <rPh sb="23" eb="25">
      <t>バアイ</t>
    </rPh>
    <rPh sb="28" eb="30">
      <t>ニュウショ</t>
    </rPh>
    <rPh sb="31" eb="32">
      <t>ト</t>
    </rPh>
    <rPh sb="33" eb="34">
      <t>ケ</t>
    </rPh>
    <rPh sb="38" eb="40">
      <t>ホイク</t>
    </rPh>
    <rPh sb="40" eb="41">
      <t>ショ</t>
    </rPh>
    <rPh sb="42" eb="44">
      <t>タイショ</t>
    </rPh>
    <phoneticPr fontId="3"/>
  </si>
  <si>
    <t>※介護保険のサービスを受けている方は、ケアプランの写しも提出をお願いします。</t>
    <rPh sb="1" eb="3">
      <t>カイゴ</t>
    </rPh>
    <rPh sb="3" eb="5">
      <t>ホケン</t>
    </rPh>
    <rPh sb="11" eb="12">
      <t>ウ</t>
    </rPh>
    <rPh sb="16" eb="17">
      <t>カタ</t>
    </rPh>
    <rPh sb="25" eb="26">
      <t>ウツ</t>
    </rPh>
    <rPh sb="28" eb="30">
      <t>テイシュツ</t>
    </rPh>
    <rPh sb="32" eb="33">
      <t>ネガ</t>
    </rPh>
    <phoneticPr fontId="3"/>
  </si>
  <si>
    <t>【調査確認欄】</t>
    <rPh sb="1" eb="3">
      <t>チョウサ</t>
    </rPh>
    <rPh sb="3" eb="5">
      <t>カクニン</t>
    </rPh>
    <rPh sb="5" eb="6">
      <t>ラン</t>
    </rPh>
    <phoneticPr fontId="3"/>
  </si>
  <si>
    <r>
      <t xml:space="preserve">
看護・介護の協力者の有無</t>
    </r>
    <r>
      <rPr>
        <sz val="10"/>
        <rFont val="ＭＳ Ｐゴシック"/>
        <family val="3"/>
        <charset val="128"/>
      </rPr>
      <t xml:space="preserve">
</t>
    </r>
    <r>
      <rPr>
        <sz val="11"/>
        <color theme="1"/>
        <rFont val="ＭＳ Ｐゴシック"/>
        <family val="3"/>
        <charset val="128"/>
      </rPr>
      <t xml:space="preserve">
</t>
    </r>
    <r>
      <rPr>
        <sz val="10"/>
        <rFont val="ＭＳ Ｐゴシック"/>
        <family val="3"/>
        <charset val="128"/>
      </rPr>
      <t>（有の場合は、協力人数と協力者名、協力者続柄、協力の程度を詳しく記入お願いします。）</t>
    </r>
    <rPh sb="1" eb="3">
      <t>カンゴ</t>
    </rPh>
    <rPh sb="4" eb="6">
      <t>カイゴ</t>
    </rPh>
    <rPh sb="7" eb="10">
      <t>キョウリョクシャ</t>
    </rPh>
    <rPh sb="11" eb="13">
      <t>ウム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9" x14ac:knownFonts="1">
    <font>
      <sz val="11"/>
      <color theme="1"/>
      <name val="游ゴシック"/>
      <family val="2"/>
      <charset val="128"/>
      <scheme val="minor"/>
    </font>
    <font>
      <b/>
      <sz val="14"/>
      <name val="ＭＳ Ｐゴシック"/>
      <family val="3"/>
      <charset val="128"/>
    </font>
    <font>
      <sz val="6"/>
      <name val="游ゴシック"/>
      <family val="2"/>
      <charset val="128"/>
      <scheme val="minor"/>
    </font>
    <font>
      <sz val="6"/>
      <name val="ＭＳ Ｐゴシック"/>
      <family val="3"/>
      <charset val="128"/>
    </font>
    <font>
      <b/>
      <sz val="11"/>
      <name val="ＭＳ Ｐゴシック"/>
      <family val="3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z val="8"/>
      <name val="ＭＳ Ｐゴシック"/>
      <family val="3"/>
      <charset val="128"/>
    </font>
    <font>
      <sz val="11"/>
      <color theme="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1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indexed="64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auto="1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auto="1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double">
        <color indexed="64"/>
      </left>
      <right/>
      <top style="double">
        <color indexed="64"/>
      </top>
      <bottom/>
      <diagonal/>
    </border>
    <border>
      <left/>
      <right/>
      <top style="double">
        <color indexed="64"/>
      </top>
      <bottom/>
      <diagonal/>
    </border>
    <border>
      <left/>
      <right style="double">
        <color indexed="64"/>
      </right>
      <top style="double">
        <color indexed="64"/>
      </top>
      <bottom/>
      <diagonal/>
    </border>
    <border>
      <left style="double">
        <color indexed="64"/>
      </left>
      <right/>
      <top/>
      <bottom/>
      <diagonal/>
    </border>
    <border>
      <left/>
      <right style="double">
        <color indexed="64"/>
      </right>
      <top/>
      <bottom/>
      <diagonal/>
    </border>
    <border>
      <left style="double">
        <color indexed="64"/>
      </left>
      <right/>
      <top/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/>
      <right style="double">
        <color indexed="64"/>
      </right>
      <top/>
      <bottom style="double">
        <color indexed="64"/>
      </bottom>
      <diagonal/>
    </border>
  </borders>
  <cellStyleXfs count="1">
    <xf numFmtId="0" fontId="0" fillId="0" borderId="0">
      <alignment vertical="center"/>
    </xf>
  </cellStyleXfs>
  <cellXfs count="38">
    <xf numFmtId="0" fontId="0" fillId="0" borderId="0" xfId="0">
      <alignment vertical="center"/>
    </xf>
    <xf numFmtId="0" fontId="4" fillId="0" borderId="0" xfId="0" applyFont="1" applyAlignment="1">
      <alignment horizontal="left" vertical="center"/>
    </xf>
    <xf numFmtId="0" fontId="5" fillId="0" borderId="1" xfId="0" applyFont="1" applyBorder="1" applyAlignment="1">
      <alignment horizontal="center" vertical="center"/>
    </xf>
    <xf numFmtId="0" fontId="8" fillId="0" borderId="0" xfId="0" applyFont="1">
      <alignment vertical="center"/>
    </xf>
    <xf numFmtId="0" fontId="8" fillId="0" borderId="1" xfId="0" applyFont="1" applyBorder="1">
      <alignment vertical="center"/>
    </xf>
    <xf numFmtId="0" fontId="8" fillId="0" borderId="1" xfId="0" applyFont="1" applyBorder="1" applyAlignment="1">
      <alignment horizontal="left" vertical="center"/>
    </xf>
    <xf numFmtId="0" fontId="8" fillId="0" borderId="1" xfId="0" applyFont="1" applyBorder="1" applyAlignment="1">
      <alignment horizontal="center" vertical="center"/>
    </xf>
    <xf numFmtId="0" fontId="8" fillId="0" borderId="5" xfId="0" applyFont="1" applyBorder="1" applyAlignment="1">
      <alignment vertical="center" wrapText="1"/>
    </xf>
    <xf numFmtId="0" fontId="8" fillId="0" borderId="6" xfId="0" applyFont="1" applyBorder="1" applyAlignment="1">
      <alignment vertical="center" wrapText="1"/>
    </xf>
    <xf numFmtId="0" fontId="8" fillId="0" borderId="7" xfId="0" applyFont="1" applyBorder="1" applyAlignment="1">
      <alignment vertical="center" wrapText="1"/>
    </xf>
    <xf numFmtId="0" fontId="8" fillId="0" borderId="8" xfId="0" applyFont="1" applyBorder="1">
      <alignment vertical="center"/>
    </xf>
    <xf numFmtId="0" fontId="8" fillId="0" borderId="0" xfId="0" applyFont="1" applyAlignment="1">
      <alignment vertical="center" wrapText="1"/>
    </xf>
    <xf numFmtId="0" fontId="8" fillId="0" borderId="9" xfId="0" applyFont="1" applyBorder="1" applyAlignment="1">
      <alignment vertical="center" wrapText="1"/>
    </xf>
    <xf numFmtId="0" fontId="8" fillId="0" borderId="8" xfId="0" applyFont="1" applyBorder="1" applyAlignment="1">
      <alignment vertical="center" wrapText="1"/>
    </xf>
    <xf numFmtId="0" fontId="8" fillId="0" borderId="9" xfId="0" applyFont="1" applyBorder="1">
      <alignment vertical="center"/>
    </xf>
    <xf numFmtId="0" fontId="8" fillId="0" borderId="10" xfId="0" applyFont="1" applyBorder="1">
      <alignment vertical="center"/>
    </xf>
    <xf numFmtId="0" fontId="8" fillId="0" borderId="11" xfId="0" applyFont="1" applyBorder="1">
      <alignment vertical="center"/>
    </xf>
    <xf numFmtId="0" fontId="8" fillId="0" borderId="12" xfId="0" applyFont="1" applyBorder="1">
      <alignment vertical="center"/>
    </xf>
    <xf numFmtId="0" fontId="8" fillId="0" borderId="13" xfId="0" applyFont="1" applyBorder="1">
      <alignment vertical="center"/>
    </xf>
    <xf numFmtId="0" fontId="8" fillId="0" borderId="14" xfId="0" applyFont="1" applyBorder="1">
      <alignment vertical="center"/>
    </xf>
    <xf numFmtId="0" fontId="8" fillId="0" borderId="15" xfId="0" applyFont="1" applyBorder="1">
      <alignment vertical="center"/>
    </xf>
    <xf numFmtId="0" fontId="8" fillId="0" borderId="16" xfId="0" applyFont="1" applyBorder="1">
      <alignment vertical="center"/>
    </xf>
    <xf numFmtId="0" fontId="8" fillId="0" borderId="17" xfId="0" applyFont="1" applyBorder="1">
      <alignment vertical="center"/>
    </xf>
    <xf numFmtId="0" fontId="8" fillId="0" borderId="18" xfId="0" applyFont="1" applyBorder="1">
      <alignment vertical="center"/>
    </xf>
    <xf numFmtId="0" fontId="8" fillId="0" borderId="19" xfId="0" applyFont="1" applyBorder="1">
      <alignment vertical="center"/>
    </xf>
    <xf numFmtId="0" fontId="8" fillId="0" borderId="20" xfId="0" applyFont="1" applyBorder="1">
      <alignment vertical="center"/>
    </xf>
    <xf numFmtId="0" fontId="8" fillId="0" borderId="1" xfId="0" applyFont="1" applyBorder="1" applyAlignment="1">
      <alignment horizontal="center" vertical="center"/>
    </xf>
    <xf numFmtId="0" fontId="8" fillId="0" borderId="1" xfId="0" applyFont="1" applyBorder="1" applyAlignment="1">
      <alignment horizontal="center" vertical="center" wrapText="1"/>
    </xf>
    <xf numFmtId="0" fontId="8" fillId="0" borderId="1" xfId="0" applyFont="1" applyBorder="1" applyAlignment="1">
      <alignment horizontal="left" vertical="center"/>
    </xf>
    <xf numFmtId="0" fontId="8" fillId="0" borderId="1" xfId="0" applyFont="1" applyBorder="1" applyAlignment="1">
      <alignment horizontal="left" vertical="center" wrapText="1"/>
    </xf>
    <xf numFmtId="0" fontId="5" fillId="0" borderId="1" xfId="0" applyFont="1" applyBorder="1" applyAlignment="1">
      <alignment horizontal="left" vertical="center"/>
    </xf>
    <xf numFmtId="0" fontId="5" fillId="0" borderId="1" xfId="0" applyFont="1" applyBorder="1" applyAlignment="1">
      <alignment horizontal="center" vertical="center"/>
    </xf>
    <xf numFmtId="0" fontId="6" fillId="0" borderId="1" xfId="0" applyFont="1" applyBorder="1">
      <alignment vertical="center"/>
    </xf>
    <xf numFmtId="0" fontId="8" fillId="0" borderId="2" xfId="0" applyFont="1" applyBorder="1" applyAlignment="1">
      <alignment horizontal="center" vertical="center"/>
    </xf>
    <xf numFmtId="0" fontId="8" fillId="0" borderId="3" xfId="0" applyFont="1" applyBorder="1" applyAlignment="1">
      <alignment horizontal="center" vertical="center"/>
    </xf>
    <xf numFmtId="0" fontId="8" fillId="0" borderId="4" xfId="0" applyFont="1" applyBorder="1" applyAlignment="1">
      <alignment horizontal="center" vertical="center"/>
    </xf>
    <xf numFmtId="0" fontId="4" fillId="0" borderId="0" xfId="0" applyFont="1" applyAlignment="1">
      <alignment horizontal="left" vertical="center"/>
    </xf>
    <xf numFmtId="0" fontId="1" fillId="0" borderId="0" xfId="0" applyFont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2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s23700/Desktop/Book2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2238;&#24489;&#12373;&#12428;&#12383;&#22806;&#37096;&#12522;&#12531;&#12463;1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heet1"/>
      <sheetName val="Sheet2"/>
    </sheetNames>
    <sheetDataSet>
      <sheetData sheetId="0">
        <row r="1">
          <cell r="E1" t="str">
            <v>消費税率</v>
          </cell>
          <cell r="F1">
            <v>0.1</v>
          </cell>
        </row>
        <row r="3">
          <cell r="C3" t="str">
            <v>価格</v>
          </cell>
          <cell r="D3" t="str">
            <v>個数</v>
          </cell>
          <cell r="E3" t="str">
            <v>金額</v>
          </cell>
        </row>
        <row r="4">
          <cell r="C4">
            <v>200</v>
          </cell>
          <cell r="D4">
            <v>3</v>
          </cell>
          <cell r="E4">
            <v>600</v>
          </cell>
        </row>
      </sheetData>
      <sheetData sheetId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heet1"/>
      <sheetName val="Sheet2"/>
    </sheetNames>
    <sheetDataSet>
      <sheetData sheetId="0">
        <row r="1">
          <cell r="E1" t="str">
            <v>消費税率</v>
          </cell>
          <cell r="F1">
            <v>0.1</v>
          </cell>
        </row>
        <row r="3">
          <cell r="C3" t="str">
            <v>価格</v>
          </cell>
          <cell r="D3" t="str">
            <v>個数</v>
          </cell>
          <cell r="E3" t="str">
            <v>金額</v>
          </cell>
        </row>
        <row r="4">
          <cell r="C4">
            <v>200</v>
          </cell>
          <cell r="D4">
            <v>3</v>
          </cell>
          <cell r="E4">
            <v>600</v>
          </cell>
        </row>
      </sheetData>
      <sheetData sheetId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1B906BC-082F-49EE-8BDB-49C59C44CA5A}">
  <sheetPr>
    <tabColor rgb="FFFFFF00"/>
    <pageSetUpPr fitToPage="1"/>
  </sheetPr>
  <dimension ref="A1:L70"/>
  <sheetViews>
    <sheetView tabSelected="1" workbookViewId="0">
      <selection activeCell="D16" sqref="D16:L18"/>
    </sheetView>
  </sheetViews>
  <sheetFormatPr defaultColWidth="9" defaultRowHeight="18.75" x14ac:dyDescent="0.4"/>
  <cols>
    <col min="1" max="1" width="11" customWidth="1"/>
    <col min="2" max="2" width="13" customWidth="1"/>
    <col min="3" max="3" width="0.5" hidden="1" customWidth="1"/>
    <col min="5" max="5" width="15.375" customWidth="1"/>
    <col min="6" max="6" width="5.625" customWidth="1"/>
    <col min="7" max="7" width="10.75" customWidth="1"/>
    <col min="8" max="8" width="3.625" customWidth="1"/>
    <col min="9" max="9" width="5.5" customWidth="1"/>
    <col min="11" max="11" width="6.5" customWidth="1"/>
    <col min="12" max="12" width="9.75" customWidth="1"/>
    <col min="257" max="257" width="11" customWidth="1"/>
    <col min="258" max="258" width="13" customWidth="1"/>
    <col min="259" max="259" width="0" hidden="1" customWidth="1"/>
    <col min="261" max="261" width="15.375" customWidth="1"/>
    <col min="262" max="262" width="5.625" customWidth="1"/>
    <col min="263" max="263" width="10.75" customWidth="1"/>
    <col min="264" max="264" width="3.625" customWidth="1"/>
    <col min="265" max="265" width="5.5" customWidth="1"/>
    <col min="267" max="267" width="6.5" customWidth="1"/>
    <col min="268" max="268" width="9.75" customWidth="1"/>
    <col min="513" max="513" width="11" customWidth="1"/>
    <col min="514" max="514" width="13" customWidth="1"/>
    <col min="515" max="515" width="0" hidden="1" customWidth="1"/>
    <col min="517" max="517" width="15.375" customWidth="1"/>
    <col min="518" max="518" width="5.625" customWidth="1"/>
    <col min="519" max="519" width="10.75" customWidth="1"/>
    <col min="520" max="520" width="3.625" customWidth="1"/>
    <col min="521" max="521" width="5.5" customWidth="1"/>
    <col min="523" max="523" width="6.5" customWidth="1"/>
    <col min="524" max="524" width="9.75" customWidth="1"/>
    <col min="769" max="769" width="11" customWidth="1"/>
    <col min="770" max="770" width="13" customWidth="1"/>
    <col min="771" max="771" width="0" hidden="1" customWidth="1"/>
    <col min="773" max="773" width="15.375" customWidth="1"/>
    <col min="774" max="774" width="5.625" customWidth="1"/>
    <col min="775" max="775" width="10.75" customWidth="1"/>
    <col min="776" max="776" width="3.625" customWidth="1"/>
    <col min="777" max="777" width="5.5" customWidth="1"/>
    <col min="779" max="779" width="6.5" customWidth="1"/>
    <col min="780" max="780" width="9.75" customWidth="1"/>
    <col min="1025" max="1025" width="11" customWidth="1"/>
    <col min="1026" max="1026" width="13" customWidth="1"/>
    <col min="1027" max="1027" width="0" hidden="1" customWidth="1"/>
    <col min="1029" max="1029" width="15.375" customWidth="1"/>
    <col min="1030" max="1030" width="5.625" customWidth="1"/>
    <col min="1031" max="1031" width="10.75" customWidth="1"/>
    <col min="1032" max="1032" width="3.625" customWidth="1"/>
    <col min="1033" max="1033" width="5.5" customWidth="1"/>
    <col min="1035" max="1035" width="6.5" customWidth="1"/>
    <col min="1036" max="1036" width="9.75" customWidth="1"/>
    <col min="1281" max="1281" width="11" customWidth="1"/>
    <col min="1282" max="1282" width="13" customWidth="1"/>
    <col min="1283" max="1283" width="0" hidden="1" customWidth="1"/>
    <col min="1285" max="1285" width="15.375" customWidth="1"/>
    <col min="1286" max="1286" width="5.625" customWidth="1"/>
    <col min="1287" max="1287" width="10.75" customWidth="1"/>
    <col min="1288" max="1288" width="3.625" customWidth="1"/>
    <col min="1289" max="1289" width="5.5" customWidth="1"/>
    <col min="1291" max="1291" width="6.5" customWidth="1"/>
    <col min="1292" max="1292" width="9.75" customWidth="1"/>
    <col min="1537" max="1537" width="11" customWidth="1"/>
    <col min="1538" max="1538" width="13" customWidth="1"/>
    <col min="1539" max="1539" width="0" hidden="1" customWidth="1"/>
    <col min="1541" max="1541" width="15.375" customWidth="1"/>
    <col min="1542" max="1542" width="5.625" customWidth="1"/>
    <col min="1543" max="1543" width="10.75" customWidth="1"/>
    <col min="1544" max="1544" width="3.625" customWidth="1"/>
    <col min="1545" max="1545" width="5.5" customWidth="1"/>
    <col min="1547" max="1547" width="6.5" customWidth="1"/>
    <col min="1548" max="1548" width="9.75" customWidth="1"/>
    <col min="1793" max="1793" width="11" customWidth="1"/>
    <col min="1794" max="1794" width="13" customWidth="1"/>
    <col min="1795" max="1795" width="0" hidden="1" customWidth="1"/>
    <col min="1797" max="1797" width="15.375" customWidth="1"/>
    <col min="1798" max="1798" width="5.625" customWidth="1"/>
    <col min="1799" max="1799" width="10.75" customWidth="1"/>
    <col min="1800" max="1800" width="3.625" customWidth="1"/>
    <col min="1801" max="1801" width="5.5" customWidth="1"/>
    <col min="1803" max="1803" width="6.5" customWidth="1"/>
    <col min="1804" max="1804" width="9.75" customWidth="1"/>
    <col min="2049" max="2049" width="11" customWidth="1"/>
    <col min="2050" max="2050" width="13" customWidth="1"/>
    <col min="2051" max="2051" width="0" hidden="1" customWidth="1"/>
    <col min="2053" max="2053" width="15.375" customWidth="1"/>
    <col min="2054" max="2054" width="5.625" customWidth="1"/>
    <col min="2055" max="2055" width="10.75" customWidth="1"/>
    <col min="2056" max="2056" width="3.625" customWidth="1"/>
    <col min="2057" max="2057" width="5.5" customWidth="1"/>
    <col min="2059" max="2059" width="6.5" customWidth="1"/>
    <col min="2060" max="2060" width="9.75" customWidth="1"/>
    <col min="2305" max="2305" width="11" customWidth="1"/>
    <col min="2306" max="2306" width="13" customWidth="1"/>
    <col min="2307" max="2307" width="0" hidden="1" customWidth="1"/>
    <col min="2309" max="2309" width="15.375" customWidth="1"/>
    <col min="2310" max="2310" width="5.625" customWidth="1"/>
    <col min="2311" max="2311" width="10.75" customWidth="1"/>
    <col min="2312" max="2312" width="3.625" customWidth="1"/>
    <col min="2313" max="2313" width="5.5" customWidth="1"/>
    <col min="2315" max="2315" width="6.5" customWidth="1"/>
    <col min="2316" max="2316" width="9.75" customWidth="1"/>
    <col min="2561" max="2561" width="11" customWidth="1"/>
    <col min="2562" max="2562" width="13" customWidth="1"/>
    <col min="2563" max="2563" width="0" hidden="1" customWidth="1"/>
    <col min="2565" max="2565" width="15.375" customWidth="1"/>
    <col min="2566" max="2566" width="5.625" customWidth="1"/>
    <col min="2567" max="2567" width="10.75" customWidth="1"/>
    <col min="2568" max="2568" width="3.625" customWidth="1"/>
    <col min="2569" max="2569" width="5.5" customWidth="1"/>
    <col min="2571" max="2571" width="6.5" customWidth="1"/>
    <col min="2572" max="2572" width="9.75" customWidth="1"/>
    <col min="2817" max="2817" width="11" customWidth="1"/>
    <col min="2818" max="2818" width="13" customWidth="1"/>
    <col min="2819" max="2819" width="0" hidden="1" customWidth="1"/>
    <col min="2821" max="2821" width="15.375" customWidth="1"/>
    <col min="2822" max="2822" width="5.625" customWidth="1"/>
    <col min="2823" max="2823" width="10.75" customWidth="1"/>
    <col min="2824" max="2824" width="3.625" customWidth="1"/>
    <col min="2825" max="2825" width="5.5" customWidth="1"/>
    <col min="2827" max="2827" width="6.5" customWidth="1"/>
    <col min="2828" max="2828" width="9.75" customWidth="1"/>
    <col min="3073" max="3073" width="11" customWidth="1"/>
    <col min="3074" max="3074" width="13" customWidth="1"/>
    <col min="3075" max="3075" width="0" hidden="1" customWidth="1"/>
    <col min="3077" max="3077" width="15.375" customWidth="1"/>
    <col min="3078" max="3078" width="5.625" customWidth="1"/>
    <col min="3079" max="3079" width="10.75" customWidth="1"/>
    <col min="3080" max="3080" width="3.625" customWidth="1"/>
    <col min="3081" max="3081" width="5.5" customWidth="1"/>
    <col min="3083" max="3083" width="6.5" customWidth="1"/>
    <col min="3084" max="3084" width="9.75" customWidth="1"/>
    <col min="3329" max="3329" width="11" customWidth="1"/>
    <col min="3330" max="3330" width="13" customWidth="1"/>
    <col min="3331" max="3331" width="0" hidden="1" customWidth="1"/>
    <col min="3333" max="3333" width="15.375" customWidth="1"/>
    <col min="3334" max="3334" width="5.625" customWidth="1"/>
    <col min="3335" max="3335" width="10.75" customWidth="1"/>
    <col min="3336" max="3336" width="3.625" customWidth="1"/>
    <col min="3337" max="3337" width="5.5" customWidth="1"/>
    <col min="3339" max="3339" width="6.5" customWidth="1"/>
    <col min="3340" max="3340" width="9.75" customWidth="1"/>
    <col min="3585" max="3585" width="11" customWidth="1"/>
    <col min="3586" max="3586" width="13" customWidth="1"/>
    <col min="3587" max="3587" width="0" hidden="1" customWidth="1"/>
    <col min="3589" max="3589" width="15.375" customWidth="1"/>
    <col min="3590" max="3590" width="5.625" customWidth="1"/>
    <col min="3591" max="3591" width="10.75" customWidth="1"/>
    <col min="3592" max="3592" width="3.625" customWidth="1"/>
    <col min="3593" max="3593" width="5.5" customWidth="1"/>
    <col min="3595" max="3595" width="6.5" customWidth="1"/>
    <col min="3596" max="3596" width="9.75" customWidth="1"/>
    <col min="3841" max="3841" width="11" customWidth="1"/>
    <col min="3842" max="3842" width="13" customWidth="1"/>
    <col min="3843" max="3843" width="0" hidden="1" customWidth="1"/>
    <col min="3845" max="3845" width="15.375" customWidth="1"/>
    <col min="3846" max="3846" width="5.625" customWidth="1"/>
    <col min="3847" max="3847" width="10.75" customWidth="1"/>
    <col min="3848" max="3848" width="3.625" customWidth="1"/>
    <col min="3849" max="3849" width="5.5" customWidth="1"/>
    <col min="3851" max="3851" width="6.5" customWidth="1"/>
    <col min="3852" max="3852" width="9.75" customWidth="1"/>
    <col min="4097" max="4097" width="11" customWidth="1"/>
    <col min="4098" max="4098" width="13" customWidth="1"/>
    <col min="4099" max="4099" width="0" hidden="1" customWidth="1"/>
    <col min="4101" max="4101" width="15.375" customWidth="1"/>
    <col min="4102" max="4102" width="5.625" customWidth="1"/>
    <col min="4103" max="4103" width="10.75" customWidth="1"/>
    <col min="4104" max="4104" width="3.625" customWidth="1"/>
    <col min="4105" max="4105" width="5.5" customWidth="1"/>
    <col min="4107" max="4107" width="6.5" customWidth="1"/>
    <col min="4108" max="4108" width="9.75" customWidth="1"/>
    <col min="4353" max="4353" width="11" customWidth="1"/>
    <col min="4354" max="4354" width="13" customWidth="1"/>
    <col min="4355" max="4355" width="0" hidden="1" customWidth="1"/>
    <col min="4357" max="4357" width="15.375" customWidth="1"/>
    <col min="4358" max="4358" width="5.625" customWidth="1"/>
    <col min="4359" max="4359" width="10.75" customWidth="1"/>
    <col min="4360" max="4360" width="3.625" customWidth="1"/>
    <col min="4361" max="4361" width="5.5" customWidth="1"/>
    <col min="4363" max="4363" width="6.5" customWidth="1"/>
    <col min="4364" max="4364" width="9.75" customWidth="1"/>
    <col min="4609" max="4609" width="11" customWidth="1"/>
    <col min="4610" max="4610" width="13" customWidth="1"/>
    <col min="4611" max="4611" width="0" hidden="1" customWidth="1"/>
    <col min="4613" max="4613" width="15.375" customWidth="1"/>
    <col min="4614" max="4614" width="5.625" customWidth="1"/>
    <col min="4615" max="4615" width="10.75" customWidth="1"/>
    <col min="4616" max="4616" width="3.625" customWidth="1"/>
    <col min="4617" max="4617" width="5.5" customWidth="1"/>
    <col min="4619" max="4619" width="6.5" customWidth="1"/>
    <col min="4620" max="4620" width="9.75" customWidth="1"/>
    <col min="4865" max="4865" width="11" customWidth="1"/>
    <col min="4866" max="4866" width="13" customWidth="1"/>
    <col min="4867" max="4867" width="0" hidden="1" customWidth="1"/>
    <col min="4869" max="4869" width="15.375" customWidth="1"/>
    <col min="4870" max="4870" width="5.625" customWidth="1"/>
    <col min="4871" max="4871" width="10.75" customWidth="1"/>
    <col min="4872" max="4872" width="3.625" customWidth="1"/>
    <col min="4873" max="4873" width="5.5" customWidth="1"/>
    <col min="4875" max="4875" width="6.5" customWidth="1"/>
    <col min="4876" max="4876" width="9.75" customWidth="1"/>
    <col min="5121" max="5121" width="11" customWidth="1"/>
    <col min="5122" max="5122" width="13" customWidth="1"/>
    <col min="5123" max="5123" width="0" hidden="1" customWidth="1"/>
    <col min="5125" max="5125" width="15.375" customWidth="1"/>
    <col min="5126" max="5126" width="5.625" customWidth="1"/>
    <col min="5127" max="5127" width="10.75" customWidth="1"/>
    <col min="5128" max="5128" width="3.625" customWidth="1"/>
    <col min="5129" max="5129" width="5.5" customWidth="1"/>
    <col min="5131" max="5131" width="6.5" customWidth="1"/>
    <col min="5132" max="5132" width="9.75" customWidth="1"/>
    <col min="5377" max="5377" width="11" customWidth="1"/>
    <col min="5378" max="5378" width="13" customWidth="1"/>
    <col min="5379" max="5379" width="0" hidden="1" customWidth="1"/>
    <col min="5381" max="5381" width="15.375" customWidth="1"/>
    <col min="5382" max="5382" width="5.625" customWidth="1"/>
    <col min="5383" max="5383" width="10.75" customWidth="1"/>
    <col min="5384" max="5384" width="3.625" customWidth="1"/>
    <col min="5385" max="5385" width="5.5" customWidth="1"/>
    <col min="5387" max="5387" width="6.5" customWidth="1"/>
    <col min="5388" max="5388" width="9.75" customWidth="1"/>
    <col min="5633" max="5633" width="11" customWidth="1"/>
    <col min="5634" max="5634" width="13" customWidth="1"/>
    <col min="5635" max="5635" width="0" hidden="1" customWidth="1"/>
    <col min="5637" max="5637" width="15.375" customWidth="1"/>
    <col min="5638" max="5638" width="5.625" customWidth="1"/>
    <col min="5639" max="5639" width="10.75" customWidth="1"/>
    <col min="5640" max="5640" width="3.625" customWidth="1"/>
    <col min="5641" max="5641" width="5.5" customWidth="1"/>
    <col min="5643" max="5643" width="6.5" customWidth="1"/>
    <col min="5644" max="5644" width="9.75" customWidth="1"/>
    <col min="5889" max="5889" width="11" customWidth="1"/>
    <col min="5890" max="5890" width="13" customWidth="1"/>
    <col min="5891" max="5891" width="0" hidden="1" customWidth="1"/>
    <col min="5893" max="5893" width="15.375" customWidth="1"/>
    <col min="5894" max="5894" width="5.625" customWidth="1"/>
    <col min="5895" max="5895" width="10.75" customWidth="1"/>
    <col min="5896" max="5896" width="3.625" customWidth="1"/>
    <col min="5897" max="5897" width="5.5" customWidth="1"/>
    <col min="5899" max="5899" width="6.5" customWidth="1"/>
    <col min="5900" max="5900" width="9.75" customWidth="1"/>
    <col min="6145" max="6145" width="11" customWidth="1"/>
    <col min="6146" max="6146" width="13" customWidth="1"/>
    <col min="6147" max="6147" width="0" hidden="1" customWidth="1"/>
    <col min="6149" max="6149" width="15.375" customWidth="1"/>
    <col min="6150" max="6150" width="5.625" customWidth="1"/>
    <col min="6151" max="6151" width="10.75" customWidth="1"/>
    <col min="6152" max="6152" width="3.625" customWidth="1"/>
    <col min="6153" max="6153" width="5.5" customWidth="1"/>
    <col min="6155" max="6155" width="6.5" customWidth="1"/>
    <col min="6156" max="6156" width="9.75" customWidth="1"/>
    <col min="6401" max="6401" width="11" customWidth="1"/>
    <col min="6402" max="6402" width="13" customWidth="1"/>
    <col min="6403" max="6403" width="0" hidden="1" customWidth="1"/>
    <col min="6405" max="6405" width="15.375" customWidth="1"/>
    <col min="6406" max="6406" width="5.625" customWidth="1"/>
    <col min="6407" max="6407" width="10.75" customWidth="1"/>
    <col min="6408" max="6408" width="3.625" customWidth="1"/>
    <col min="6409" max="6409" width="5.5" customWidth="1"/>
    <col min="6411" max="6411" width="6.5" customWidth="1"/>
    <col min="6412" max="6412" width="9.75" customWidth="1"/>
    <col min="6657" max="6657" width="11" customWidth="1"/>
    <col min="6658" max="6658" width="13" customWidth="1"/>
    <col min="6659" max="6659" width="0" hidden="1" customWidth="1"/>
    <col min="6661" max="6661" width="15.375" customWidth="1"/>
    <col min="6662" max="6662" width="5.625" customWidth="1"/>
    <col min="6663" max="6663" width="10.75" customWidth="1"/>
    <col min="6664" max="6664" width="3.625" customWidth="1"/>
    <col min="6665" max="6665" width="5.5" customWidth="1"/>
    <col min="6667" max="6667" width="6.5" customWidth="1"/>
    <col min="6668" max="6668" width="9.75" customWidth="1"/>
    <col min="6913" max="6913" width="11" customWidth="1"/>
    <col min="6914" max="6914" width="13" customWidth="1"/>
    <col min="6915" max="6915" width="0" hidden="1" customWidth="1"/>
    <col min="6917" max="6917" width="15.375" customWidth="1"/>
    <col min="6918" max="6918" width="5.625" customWidth="1"/>
    <col min="6919" max="6919" width="10.75" customWidth="1"/>
    <col min="6920" max="6920" width="3.625" customWidth="1"/>
    <col min="6921" max="6921" width="5.5" customWidth="1"/>
    <col min="6923" max="6923" width="6.5" customWidth="1"/>
    <col min="6924" max="6924" width="9.75" customWidth="1"/>
    <col min="7169" max="7169" width="11" customWidth="1"/>
    <col min="7170" max="7170" width="13" customWidth="1"/>
    <col min="7171" max="7171" width="0" hidden="1" customWidth="1"/>
    <col min="7173" max="7173" width="15.375" customWidth="1"/>
    <col min="7174" max="7174" width="5.625" customWidth="1"/>
    <col min="7175" max="7175" width="10.75" customWidth="1"/>
    <col min="7176" max="7176" width="3.625" customWidth="1"/>
    <col min="7177" max="7177" width="5.5" customWidth="1"/>
    <col min="7179" max="7179" width="6.5" customWidth="1"/>
    <col min="7180" max="7180" width="9.75" customWidth="1"/>
    <col min="7425" max="7425" width="11" customWidth="1"/>
    <col min="7426" max="7426" width="13" customWidth="1"/>
    <col min="7427" max="7427" width="0" hidden="1" customWidth="1"/>
    <col min="7429" max="7429" width="15.375" customWidth="1"/>
    <col min="7430" max="7430" width="5.625" customWidth="1"/>
    <col min="7431" max="7431" width="10.75" customWidth="1"/>
    <col min="7432" max="7432" width="3.625" customWidth="1"/>
    <col min="7433" max="7433" width="5.5" customWidth="1"/>
    <col min="7435" max="7435" width="6.5" customWidth="1"/>
    <col min="7436" max="7436" width="9.75" customWidth="1"/>
    <col min="7681" max="7681" width="11" customWidth="1"/>
    <col min="7682" max="7682" width="13" customWidth="1"/>
    <col min="7683" max="7683" width="0" hidden="1" customWidth="1"/>
    <col min="7685" max="7685" width="15.375" customWidth="1"/>
    <col min="7686" max="7686" width="5.625" customWidth="1"/>
    <col min="7687" max="7687" width="10.75" customWidth="1"/>
    <col min="7688" max="7688" width="3.625" customWidth="1"/>
    <col min="7689" max="7689" width="5.5" customWidth="1"/>
    <col min="7691" max="7691" width="6.5" customWidth="1"/>
    <col min="7692" max="7692" width="9.75" customWidth="1"/>
    <col min="7937" max="7937" width="11" customWidth="1"/>
    <col min="7938" max="7938" width="13" customWidth="1"/>
    <col min="7939" max="7939" width="0" hidden="1" customWidth="1"/>
    <col min="7941" max="7941" width="15.375" customWidth="1"/>
    <col min="7942" max="7942" width="5.625" customWidth="1"/>
    <col min="7943" max="7943" width="10.75" customWidth="1"/>
    <col min="7944" max="7944" width="3.625" customWidth="1"/>
    <col min="7945" max="7945" width="5.5" customWidth="1"/>
    <col min="7947" max="7947" width="6.5" customWidth="1"/>
    <col min="7948" max="7948" width="9.75" customWidth="1"/>
    <col min="8193" max="8193" width="11" customWidth="1"/>
    <col min="8194" max="8194" width="13" customWidth="1"/>
    <col min="8195" max="8195" width="0" hidden="1" customWidth="1"/>
    <col min="8197" max="8197" width="15.375" customWidth="1"/>
    <col min="8198" max="8198" width="5.625" customWidth="1"/>
    <col min="8199" max="8199" width="10.75" customWidth="1"/>
    <col min="8200" max="8200" width="3.625" customWidth="1"/>
    <col min="8201" max="8201" width="5.5" customWidth="1"/>
    <col min="8203" max="8203" width="6.5" customWidth="1"/>
    <col min="8204" max="8204" width="9.75" customWidth="1"/>
    <col min="8449" max="8449" width="11" customWidth="1"/>
    <col min="8450" max="8450" width="13" customWidth="1"/>
    <col min="8451" max="8451" width="0" hidden="1" customWidth="1"/>
    <col min="8453" max="8453" width="15.375" customWidth="1"/>
    <col min="8454" max="8454" width="5.625" customWidth="1"/>
    <col min="8455" max="8455" width="10.75" customWidth="1"/>
    <col min="8456" max="8456" width="3.625" customWidth="1"/>
    <col min="8457" max="8457" width="5.5" customWidth="1"/>
    <col min="8459" max="8459" width="6.5" customWidth="1"/>
    <col min="8460" max="8460" width="9.75" customWidth="1"/>
    <col min="8705" max="8705" width="11" customWidth="1"/>
    <col min="8706" max="8706" width="13" customWidth="1"/>
    <col min="8707" max="8707" width="0" hidden="1" customWidth="1"/>
    <col min="8709" max="8709" width="15.375" customWidth="1"/>
    <col min="8710" max="8710" width="5.625" customWidth="1"/>
    <col min="8711" max="8711" width="10.75" customWidth="1"/>
    <col min="8712" max="8712" width="3.625" customWidth="1"/>
    <col min="8713" max="8713" width="5.5" customWidth="1"/>
    <col min="8715" max="8715" width="6.5" customWidth="1"/>
    <col min="8716" max="8716" width="9.75" customWidth="1"/>
    <col min="8961" max="8961" width="11" customWidth="1"/>
    <col min="8962" max="8962" width="13" customWidth="1"/>
    <col min="8963" max="8963" width="0" hidden="1" customWidth="1"/>
    <col min="8965" max="8965" width="15.375" customWidth="1"/>
    <col min="8966" max="8966" width="5.625" customWidth="1"/>
    <col min="8967" max="8967" width="10.75" customWidth="1"/>
    <col min="8968" max="8968" width="3.625" customWidth="1"/>
    <col min="8969" max="8969" width="5.5" customWidth="1"/>
    <col min="8971" max="8971" width="6.5" customWidth="1"/>
    <col min="8972" max="8972" width="9.75" customWidth="1"/>
    <col min="9217" max="9217" width="11" customWidth="1"/>
    <col min="9218" max="9218" width="13" customWidth="1"/>
    <col min="9219" max="9219" width="0" hidden="1" customWidth="1"/>
    <col min="9221" max="9221" width="15.375" customWidth="1"/>
    <col min="9222" max="9222" width="5.625" customWidth="1"/>
    <col min="9223" max="9223" width="10.75" customWidth="1"/>
    <col min="9224" max="9224" width="3.625" customWidth="1"/>
    <col min="9225" max="9225" width="5.5" customWidth="1"/>
    <col min="9227" max="9227" width="6.5" customWidth="1"/>
    <col min="9228" max="9228" width="9.75" customWidth="1"/>
    <col min="9473" max="9473" width="11" customWidth="1"/>
    <col min="9474" max="9474" width="13" customWidth="1"/>
    <col min="9475" max="9475" width="0" hidden="1" customWidth="1"/>
    <col min="9477" max="9477" width="15.375" customWidth="1"/>
    <col min="9478" max="9478" width="5.625" customWidth="1"/>
    <col min="9479" max="9479" width="10.75" customWidth="1"/>
    <col min="9480" max="9480" width="3.625" customWidth="1"/>
    <col min="9481" max="9481" width="5.5" customWidth="1"/>
    <col min="9483" max="9483" width="6.5" customWidth="1"/>
    <col min="9484" max="9484" width="9.75" customWidth="1"/>
    <col min="9729" max="9729" width="11" customWidth="1"/>
    <col min="9730" max="9730" width="13" customWidth="1"/>
    <col min="9731" max="9731" width="0" hidden="1" customWidth="1"/>
    <col min="9733" max="9733" width="15.375" customWidth="1"/>
    <col min="9734" max="9734" width="5.625" customWidth="1"/>
    <col min="9735" max="9735" width="10.75" customWidth="1"/>
    <col min="9736" max="9736" width="3.625" customWidth="1"/>
    <col min="9737" max="9737" width="5.5" customWidth="1"/>
    <col min="9739" max="9739" width="6.5" customWidth="1"/>
    <col min="9740" max="9740" width="9.75" customWidth="1"/>
    <col min="9985" max="9985" width="11" customWidth="1"/>
    <col min="9986" max="9986" width="13" customWidth="1"/>
    <col min="9987" max="9987" width="0" hidden="1" customWidth="1"/>
    <col min="9989" max="9989" width="15.375" customWidth="1"/>
    <col min="9990" max="9990" width="5.625" customWidth="1"/>
    <col min="9991" max="9991" width="10.75" customWidth="1"/>
    <col min="9992" max="9992" width="3.625" customWidth="1"/>
    <col min="9993" max="9993" width="5.5" customWidth="1"/>
    <col min="9995" max="9995" width="6.5" customWidth="1"/>
    <col min="9996" max="9996" width="9.75" customWidth="1"/>
    <col min="10241" max="10241" width="11" customWidth="1"/>
    <col min="10242" max="10242" width="13" customWidth="1"/>
    <col min="10243" max="10243" width="0" hidden="1" customWidth="1"/>
    <col min="10245" max="10245" width="15.375" customWidth="1"/>
    <col min="10246" max="10246" width="5.625" customWidth="1"/>
    <col min="10247" max="10247" width="10.75" customWidth="1"/>
    <col min="10248" max="10248" width="3.625" customWidth="1"/>
    <col min="10249" max="10249" width="5.5" customWidth="1"/>
    <col min="10251" max="10251" width="6.5" customWidth="1"/>
    <col min="10252" max="10252" width="9.75" customWidth="1"/>
    <col min="10497" max="10497" width="11" customWidth="1"/>
    <col min="10498" max="10498" width="13" customWidth="1"/>
    <col min="10499" max="10499" width="0" hidden="1" customWidth="1"/>
    <col min="10501" max="10501" width="15.375" customWidth="1"/>
    <col min="10502" max="10502" width="5.625" customWidth="1"/>
    <col min="10503" max="10503" width="10.75" customWidth="1"/>
    <col min="10504" max="10504" width="3.625" customWidth="1"/>
    <col min="10505" max="10505" width="5.5" customWidth="1"/>
    <col min="10507" max="10507" width="6.5" customWidth="1"/>
    <col min="10508" max="10508" width="9.75" customWidth="1"/>
    <col min="10753" max="10753" width="11" customWidth="1"/>
    <col min="10754" max="10754" width="13" customWidth="1"/>
    <col min="10755" max="10755" width="0" hidden="1" customWidth="1"/>
    <col min="10757" max="10757" width="15.375" customWidth="1"/>
    <col min="10758" max="10758" width="5.625" customWidth="1"/>
    <col min="10759" max="10759" width="10.75" customWidth="1"/>
    <col min="10760" max="10760" width="3.625" customWidth="1"/>
    <col min="10761" max="10761" width="5.5" customWidth="1"/>
    <col min="10763" max="10763" width="6.5" customWidth="1"/>
    <col min="10764" max="10764" width="9.75" customWidth="1"/>
    <col min="11009" max="11009" width="11" customWidth="1"/>
    <col min="11010" max="11010" width="13" customWidth="1"/>
    <col min="11011" max="11011" width="0" hidden="1" customWidth="1"/>
    <col min="11013" max="11013" width="15.375" customWidth="1"/>
    <col min="11014" max="11014" width="5.625" customWidth="1"/>
    <col min="11015" max="11015" width="10.75" customWidth="1"/>
    <col min="11016" max="11016" width="3.625" customWidth="1"/>
    <col min="11017" max="11017" width="5.5" customWidth="1"/>
    <col min="11019" max="11019" width="6.5" customWidth="1"/>
    <col min="11020" max="11020" width="9.75" customWidth="1"/>
    <col min="11265" max="11265" width="11" customWidth="1"/>
    <col min="11266" max="11266" width="13" customWidth="1"/>
    <col min="11267" max="11267" width="0" hidden="1" customWidth="1"/>
    <col min="11269" max="11269" width="15.375" customWidth="1"/>
    <col min="11270" max="11270" width="5.625" customWidth="1"/>
    <col min="11271" max="11271" width="10.75" customWidth="1"/>
    <col min="11272" max="11272" width="3.625" customWidth="1"/>
    <col min="11273" max="11273" width="5.5" customWidth="1"/>
    <col min="11275" max="11275" width="6.5" customWidth="1"/>
    <col min="11276" max="11276" width="9.75" customWidth="1"/>
    <col min="11521" max="11521" width="11" customWidth="1"/>
    <col min="11522" max="11522" width="13" customWidth="1"/>
    <col min="11523" max="11523" width="0" hidden="1" customWidth="1"/>
    <col min="11525" max="11525" width="15.375" customWidth="1"/>
    <col min="11526" max="11526" width="5.625" customWidth="1"/>
    <col min="11527" max="11527" width="10.75" customWidth="1"/>
    <col min="11528" max="11528" width="3.625" customWidth="1"/>
    <col min="11529" max="11529" width="5.5" customWidth="1"/>
    <col min="11531" max="11531" width="6.5" customWidth="1"/>
    <col min="11532" max="11532" width="9.75" customWidth="1"/>
    <col min="11777" max="11777" width="11" customWidth="1"/>
    <col min="11778" max="11778" width="13" customWidth="1"/>
    <col min="11779" max="11779" width="0" hidden="1" customWidth="1"/>
    <col min="11781" max="11781" width="15.375" customWidth="1"/>
    <col min="11782" max="11782" width="5.625" customWidth="1"/>
    <col min="11783" max="11783" width="10.75" customWidth="1"/>
    <col min="11784" max="11784" width="3.625" customWidth="1"/>
    <col min="11785" max="11785" width="5.5" customWidth="1"/>
    <col min="11787" max="11787" width="6.5" customWidth="1"/>
    <col min="11788" max="11788" width="9.75" customWidth="1"/>
    <col min="12033" max="12033" width="11" customWidth="1"/>
    <col min="12034" max="12034" width="13" customWidth="1"/>
    <col min="12035" max="12035" width="0" hidden="1" customWidth="1"/>
    <col min="12037" max="12037" width="15.375" customWidth="1"/>
    <col min="12038" max="12038" width="5.625" customWidth="1"/>
    <col min="12039" max="12039" width="10.75" customWidth="1"/>
    <col min="12040" max="12040" width="3.625" customWidth="1"/>
    <col min="12041" max="12041" width="5.5" customWidth="1"/>
    <col min="12043" max="12043" width="6.5" customWidth="1"/>
    <col min="12044" max="12044" width="9.75" customWidth="1"/>
    <col min="12289" max="12289" width="11" customWidth="1"/>
    <col min="12290" max="12290" width="13" customWidth="1"/>
    <col min="12291" max="12291" width="0" hidden="1" customWidth="1"/>
    <col min="12293" max="12293" width="15.375" customWidth="1"/>
    <col min="12294" max="12294" width="5.625" customWidth="1"/>
    <col min="12295" max="12295" width="10.75" customWidth="1"/>
    <col min="12296" max="12296" width="3.625" customWidth="1"/>
    <col min="12297" max="12297" width="5.5" customWidth="1"/>
    <col min="12299" max="12299" width="6.5" customWidth="1"/>
    <col min="12300" max="12300" width="9.75" customWidth="1"/>
    <col min="12545" max="12545" width="11" customWidth="1"/>
    <col min="12546" max="12546" width="13" customWidth="1"/>
    <col min="12547" max="12547" width="0" hidden="1" customWidth="1"/>
    <col min="12549" max="12549" width="15.375" customWidth="1"/>
    <col min="12550" max="12550" width="5.625" customWidth="1"/>
    <col min="12551" max="12551" width="10.75" customWidth="1"/>
    <col min="12552" max="12552" width="3.625" customWidth="1"/>
    <col min="12553" max="12553" width="5.5" customWidth="1"/>
    <col min="12555" max="12555" width="6.5" customWidth="1"/>
    <col min="12556" max="12556" width="9.75" customWidth="1"/>
    <col min="12801" max="12801" width="11" customWidth="1"/>
    <col min="12802" max="12802" width="13" customWidth="1"/>
    <col min="12803" max="12803" width="0" hidden="1" customWidth="1"/>
    <col min="12805" max="12805" width="15.375" customWidth="1"/>
    <col min="12806" max="12806" width="5.625" customWidth="1"/>
    <col min="12807" max="12807" width="10.75" customWidth="1"/>
    <col min="12808" max="12808" width="3.625" customWidth="1"/>
    <col min="12809" max="12809" width="5.5" customWidth="1"/>
    <col min="12811" max="12811" width="6.5" customWidth="1"/>
    <col min="12812" max="12812" width="9.75" customWidth="1"/>
    <col min="13057" max="13057" width="11" customWidth="1"/>
    <col min="13058" max="13058" width="13" customWidth="1"/>
    <col min="13059" max="13059" width="0" hidden="1" customWidth="1"/>
    <col min="13061" max="13061" width="15.375" customWidth="1"/>
    <col min="13062" max="13062" width="5.625" customWidth="1"/>
    <col min="13063" max="13063" width="10.75" customWidth="1"/>
    <col min="13064" max="13064" width="3.625" customWidth="1"/>
    <col min="13065" max="13065" width="5.5" customWidth="1"/>
    <col min="13067" max="13067" width="6.5" customWidth="1"/>
    <col min="13068" max="13068" width="9.75" customWidth="1"/>
    <col min="13313" max="13313" width="11" customWidth="1"/>
    <col min="13314" max="13314" width="13" customWidth="1"/>
    <col min="13315" max="13315" width="0" hidden="1" customWidth="1"/>
    <col min="13317" max="13317" width="15.375" customWidth="1"/>
    <col min="13318" max="13318" width="5.625" customWidth="1"/>
    <col min="13319" max="13319" width="10.75" customWidth="1"/>
    <col min="13320" max="13320" width="3.625" customWidth="1"/>
    <col min="13321" max="13321" width="5.5" customWidth="1"/>
    <col min="13323" max="13323" width="6.5" customWidth="1"/>
    <col min="13324" max="13324" width="9.75" customWidth="1"/>
    <col min="13569" max="13569" width="11" customWidth="1"/>
    <col min="13570" max="13570" width="13" customWidth="1"/>
    <col min="13571" max="13571" width="0" hidden="1" customWidth="1"/>
    <col min="13573" max="13573" width="15.375" customWidth="1"/>
    <col min="13574" max="13574" width="5.625" customWidth="1"/>
    <col min="13575" max="13575" width="10.75" customWidth="1"/>
    <col min="13576" max="13576" width="3.625" customWidth="1"/>
    <col min="13577" max="13577" width="5.5" customWidth="1"/>
    <col min="13579" max="13579" width="6.5" customWidth="1"/>
    <col min="13580" max="13580" width="9.75" customWidth="1"/>
    <col min="13825" max="13825" width="11" customWidth="1"/>
    <col min="13826" max="13826" width="13" customWidth="1"/>
    <col min="13827" max="13827" width="0" hidden="1" customWidth="1"/>
    <col min="13829" max="13829" width="15.375" customWidth="1"/>
    <col min="13830" max="13830" width="5.625" customWidth="1"/>
    <col min="13831" max="13831" width="10.75" customWidth="1"/>
    <col min="13832" max="13832" width="3.625" customWidth="1"/>
    <col min="13833" max="13833" width="5.5" customWidth="1"/>
    <col min="13835" max="13835" width="6.5" customWidth="1"/>
    <col min="13836" max="13836" width="9.75" customWidth="1"/>
    <col min="14081" max="14081" width="11" customWidth="1"/>
    <col min="14082" max="14082" width="13" customWidth="1"/>
    <col min="14083" max="14083" width="0" hidden="1" customWidth="1"/>
    <col min="14085" max="14085" width="15.375" customWidth="1"/>
    <col min="14086" max="14086" width="5.625" customWidth="1"/>
    <col min="14087" max="14087" width="10.75" customWidth="1"/>
    <col min="14088" max="14088" width="3.625" customWidth="1"/>
    <col min="14089" max="14089" width="5.5" customWidth="1"/>
    <col min="14091" max="14091" width="6.5" customWidth="1"/>
    <col min="14092" max="14092" width="9.75" customWidth="1"/>
    <col min="14337" max="14337" width="11" customWidth="1"/>
    <col min="14338" max="14338" width="13" customWidth="1"/>
    <col min="14339" max="14339" width="0" hidden="1" customWidth="1"/>
    <col min="14341" max="14341" width="15.375" customWidth="1"/>
    <col min="14342" max="14342" width="5.625" customWidth="1"/>
    <col min="14343" max="14343" width="10.75" customWidth="1"/>
    <col min="14344" max="14344" width="3.625" customWidth="1"/>
    <col min="14345" max="14345" width="5.5" customWidth="1"/>
    <col min="14347" max="14347" width="6.5" customWidth="1"/>
    <col min="14348" max="14348" width="9.75" customWidth="1"/>
    <col min="14593" max="14593" width="11" customWidth="1"/>
    <col min="14594" max="14594" width="13" customWidth="1"/>
    <col min="14595" max="14595" width="0" hidden="1" customWidth="1"/>
    <col min="14597" max="14597" width="15.375" customWidth="1"/>
    <col min="14598" max="14598" width="5.625" customWidth="1"/>
    <col min="14599" max="14599" width="10.75" customWidth="1"/>
    <col min="14600" max="14600" width="3.625" customWidth="1"/>
    <col min="14601" max="14601" width="5.5" customWidth="1"/>
    <col min="14603" max="14603" width="6.5" customWidth="1"/>
    <col min="14604" max="14604" width="9.75" customWidth="1"/>
    <col min="14849" max="14849" width="11" customWidth="1"/>
    <col min="14850" max="14850" width="13" customWidth="1"/>
    <col min="14851" max="14851" width="0" hidden="1" customWidth="1"/>
    <col min="14853" max="14853" width="15.375" customWidth="1"/>
    <col min="14854" max="14854" width="5.625" customWidth="1"/>
    <col min="14855" max="14855" width="10.75" customWidth="1"/>
    <col min="14856" max="14856" width="3.625" customWidth="1"/>
    <col min="14857" max="14857" width="5.5" customWidth="1"/>
    <col min="14859" max="14859" width="6.5" customWidth="1"/>
    <col min="14860" max="14860" width="9.75" customWidth="1"/>
    <col min="15105" max="15105" width="11" customWidth="1"/>
    <col min="15106" max="15106" width="13" customWidth="1"/>
    <col min="15107" max="15107" width="0" hidden="1" customWidth="1"/>
    <col min="15109" max="15109" width="15.375" customWidth="1"/>
    <col min="15110" max="15110" width="5.625" customWidth="1"/>
    <col min="15111" max="15111" width="10.75" customWidth="1"/>
    <col min="15112" max="15112" width="3.625" customWidth="1"/>
    <col min="15113" max="15113" width="5.5" customWidth="1"/>
    <col min="15115" max="15115" width="6.5" customWidth="1"/>
    <col min="15116" max="15116" width="9.75" customWidth="1"/>
    <col min="15361" max="15361" width="11" customWidth="1"/>
    <col min="15362" max="15362" width="13" customWidth="1"/>
    <col min="15363" max="15363" width="0" hidden="1" customWidth="1"/>
    <col min="15365" max="15365" width="15.375" customWidth="1"/>
    <col min="15366" max="15366" width="5.625" customWidth="1"/>
    <col min="15367" max="15367" width="10.75" customWidth="1"/>
    <col min="15368" max="15368" width="3.625" customWidth="1"/>
    <col min="15369" max="15369" width="5.5" customWidth="1"/>
    <col min="15371" max="15371" width="6.5" customWidth="1"/>
    <col min="15372" max="15372" width="9.75" customWidth="1"/>
    <col min="15617" max="15617" width="11" customWidth="1"/>
    <col min="15618" max="15618" width="13" customWidth="1"/>
    <col min="15619" max="15619" width="0" hidden="1" customWidth="1"/>
    <col min="15621" max="15621" width="15.375" customWidth="1"/>
    <col min="15622" max="15622" width="5.625" customWidth="1"/>
    <col min="15623" max="15623" width="10.75" customWidth="1"/>
    <col min="15624" max="15624" width="3.625" customWidth="1"/>
    <col min="15625" max="15625" width="5.5" customWidth="1"/>
    <col min="15627" max="15627" width="6.5" customWidth="1"/>
    <col min="15628" max="15628" width="9.75" customWidth="1"/>
    <col min="15873" max="15873" width="11" customWidth="1"/>
    <col min="15874" max="15874" width="13" customWidth="1"/>
    <col min="15875" max="15875" width="0" hidden="1" customWidth="1"/>
    <col min="15877" max="15877" width="15.375" customWidth="1"/>
    <col min="15878" max="15878" width="5.625" customWidth="1"/>
    <col min="15879" max="15879" width="10.75" customWidth="1"/>
    <col min="15880" max="15880" width="3.625" customWidth="1"/>
    <col min="15881" max="15881" width="5.5" customWidth="1"/>
    <col min="15883" max="15883" width="6.5" customWidth="1"/>
    <col min="15884" max="15884" width="9.75" customWidth="1"/>
    <col min="16129" max="16129" width="11" customWidth="1"/>
    <col min="16130" max="16130" width="13" customWidth="1"/>
    <col min="16131" max="16131" width="0" hidden="1" customWidth="1"/>
    <col min="16133" max="16133" width="15.375" customWidth="1"/>
    <col min="16134" max="16134" width="5.625" customWidth="1"/>
    <col min="16135" max="16135" width="10.75" customWidth="1"/>
    <col min="16136" max="16136" width="3.625" customWidth="1"/>
    <col min="16137" max="16137" width="5.5" customWidth="1"/>
    <col min="16139" max="16139" width="6.5" customWidth="1"/>
    <col min="16140" max="16140" width="9.75" customWidth="1"/>
  </cols>
  <sheetData>
    <row r="1" spans="1:12" ht="23.25" customHeight="1" x14ac:dyDescent="0.4">
      <c r="A1" s="37" t="s">
        <v>0</v>
      </c>
      <c r="B1" s="37"/>
      <c r="C1" s="37"/>
      <c r="D1" s="37"/>
      <c r="E1" s="37"/>
      <c r="F1" s="37"/>
      <c r="G1" s="37"/>
      <c r="H1" s="37"/>
      <c r="I1" s="37"/>
      <c r="J1" s="37"/>
      <c r="K1" s="37"/>
      <c r="L1" s="37"/>
    </row>
    <row r="2" spans="1:12" s="3" customFormat="1" ht="18" customHeight="1" x14ac:dyDescent="0.4">
      <c r="A2" s="36" t="s">
        <v>1</v>
      </c>
      <c r="B2" s="36"/>
      <c r="C2" s="36"/>
    </row>
    <row r="3" spans="1:12" s="3" customFormat="1" ht="8.25" customHeight="1" x14ac:dyDescent="0.4">
      <c r="A3" s="1"/>
      <c r="B3" s="1"/>
      <c r="C3" s="1"/>
    </row>
    <row r="4" spans="1:12" s="3" customFormat="1" ht="16.5" customHeight="1" x14ac:dyDescent="0.4">
      <c r="A4" s="28" t="s">
        <v>2</v>
      </c>
      <c r="B4" s="28"/>
      <c r="C4" s="28"/>
      <c r="D4" s="26"/>
      <c r="E4" s="26"/>
      <c r="F4" s="26"/>
      <c r="G4" s="26"/>
      <c r="H4" s="26" t="s">
        <v>3</v>
      </c>
      <c r="I4" s="26"/>
      <c r="J4" s="26"/>
      <c r="K4" s="26"/>
      <c r="L4" s="26"/>
    </row>
    <row r="5" spans="1:12" s="3" customFormat="1" ht="16.5" customHeight="1" x14ac:dyDescent="0.4">
      <c r="A5" s="28" t="s">
        <v>4</v>
      </c>
      <c r="B5" s="28"/>
      <c r="C5" s="28"/>
      <c r="D5" s="28" t="s">
        <v>5</v>
      </c>
      <c r="E5" s="28"/>
      <c r="F5" s="28"/>
      <c r="G5" s="28"/>
      <c r="H5" s="26" t="s">
        <v>6</v>
      </c>
      <c r="I5" s="26"/>
      <c r="J5" s="4" t="s">
        <v>7</v>
      </c>
      <c r="K5" s="4"/>
      <c r="L5" s="4"/>
    </row>
    <row r="6" spans="1:12" s="3" customFormat="1" ht="16.5" customHeight="1" x14ac:dyDescent="0.4">
      <c r="A6" s="28" t="s">
        <v>8</v>
      </c>
      <c r="B6" s="28"/>
      <c r="C6" s="28"/>
      <c r="D6" s="33"/>
      <c r="E6" s="34"/>
      <c r="F6" s="35"/>
      <c r="G6" s="31" t="s">
        <v>9</v>
      </c>
      <c r="H6" s="31"/>
      <c r="I6" s="31"/>
      <c r="J6" s="26"/>
      <c r="K6" s="26"/>
      <c r="L6" s="26"/>
    </row>
    <row r="7" spans="1:12" s="3" customFormat="1" ht="16.5" customHeight="1" x14ac:dyDescent="0.4">
      <c r="A7" s="28" t="s">
        <v>10</v>
      </c>
      <c r="B7" s="28"/>
      <c r="C7" s="28"/>
      <c r="D7" s="33"/>
      <c r="E7" s="34"/>
      <c r="F7" s="35"/>
      <c r="G7" s="26" t="s">
        <v>11</v>
      </c>
      <c r="H7" s="26"/>
      <c r="I7" s="26"/>
      <c r="J7" s="28" t="s">
        <v>12</v>
      </c>
      <c r="K7" s="28"/>
      <c r="L7" s="28"/>
    </row>
    <row r="8" spans="1:12" s="3" customFormat="1" ht="7.5" customHeight="1" x14ac:dyDescent="0.4"/>
    <row r="9" spans="1:12" s="3" customFormat="1" ht="16.5" customHeight="1" x14ac:dyDescent="0.4"/>
    <row r="10" spans="1:12" s="3" customFormat="1" ht="16.5" customHeight="1" x14ac:dyDescent="0.4">
      <c r="A10" s="36" t="s">
        <v>13</v>
      </c>
      <c r="B10" s="36"/>
      <c r="C10" s="36"/>
    </row>
    <row r="11" spans="1:12" s="3" customFormat="1" ht="8.25" customHeight="1" x14ac:dyDescent="0.4"/>
    <row r="12" spans="1:12" s="3" customFormat="1" ht="16.5" customHeight="1" x14ac:dyDescent="0.4">
      <c r="A12" s="28" t="s">
        <v>2</v>
      </c>
      <c r="B12" s="28"/>
      <c r="C12" s="28"/>
      <c r="D12" s="26"/>
      <c r="E12" s="26"/>
      <c r="F12" s="26"/>
      <c r="G12" s="26"/>
      <c r="H12" s="26" t="s">
        <v>3</v>
      </c>
      <c r="I12" s="26"/>
      <c r="J12" s="26"/>
      <c r="K12" s="26"/>
      <c r="L12" s="26"/>
    </row>
    <row r="13" spans="1:12" s="3" customFormat="1" ht="16.5" customHeight="1" x14ac:dyDescent="0.4">
      <c r="A13" s="28" t="s">
        <v>4</v>
      </c>
      <c r="B13" s="28"/>
      <c r="C13" s="28"/>
      <c r="D13" s="26"/>
      <c r="E13" s="26"/>
      <c r="F13" s="26"/>
      <c r="G13" s="26"/>
      <c r="H13" s="26" t="s">
        <v>6</v>
      </c>
      <c r="I13" s="26"/>
      <c r="J13" s="5" t="s">
        <v>14</v>
      </c>
      <c r="K13" s="4"/>
      <c r="L13" s="4"/>
    </row>
    <row r="14" spans="1:12" s="3" customFormat="1" ht="16.5" customHeight="1" x14ac:dyDescent="0.4">
      <c r="A14" s="28" t="s">
        <v>15</v>
      </c>
      <c r="B14" s="28"/>
      <c r="C14" s="28"/>
      <c r="D14" s="26"/>
      <c r="E14" s="26"/>
      <c r="F14" s="26"/>
      <c r="G14" s="26"/>
      <c r="H14" s="26"/>
      <c r="I14" s="26"/>
      <c r="J14" s="26"/>
      <c r="K14" s="26"/>
      <c r="L14" s="26"/>
    </row>
    <row r="15" spans="1:12" s="3" customFormat="1" ht="16.5" customHeight="1" x14ac:dyDescent="0.4">
      <c r="A15" s="28" t="s">
        <v>16</v>
      </c>
      <c r="B15" s="28"/>
      <c r="C15" s="28"/>
      <c r="D15" s="26"/>
      <c r="E15" s="26"/>
      <c r="F15" s="26"/>
      <c r="G15" s="26"/>
      <c r="H15" s="26"/>
      <c r="I15" s="26"/>
      <c r="J15" s="26"/>
      <c r="K15" s="26"/>
      <c r="L15" s="26"/>
    </row>
    <row r="16" spans="1:12" s="3" customFormat="1" ht="16.5" customHeight="1" x14ac:dyDescent="0.4">
      <c r="A16" s="28" t="s">
        <v>17</v>
      </c>
      <c r="B16" s="28"/>
      <c r="C16" s="28"/>
      <c r="D16" s="26"/>
      <c r="E16" s="26"/>
      <c r="F16" s="26"/>
      <c r="G16" s="26"/>
      <c r="H16" s="26"/>
      <c r="I16" s="26"/>
      <c r="J16" s="26"/>
      <c r="K16" s="26"/>
      <c r="L16" s="26"/>
    </row>
    <row r="17" spans="1:12" s="3" customFormat="1" ht="16.5" customHeight="1" x14ac:dyDescent="0.4">
      <c r="A17" s="28"/>
      <c r="B17" s="28"/>
      <c r="C17" s="28"/>
      <c r="D17" s="26"/>
      <c r="E17" s="26"/>
      <c r="F17" s="26"/>
      <c r="G17" s="26"/>
      <c r="H17" s="26"/>
      <c r="I17" s="26"/>
      <c r="J17" s="26"/>
      <c r="K17" s="26"/>
      <c r="L17" s="26"/>
    </row>
    <row r="18" spans="1:12" s="3" customFormat="1" ht="16.5" customHeight="1" x14ac:dyDescent="0.4">
      <c r="A18" s="28"/>
      <c r="B18" s="28"/>
      <c r="C18" s="28"/>
      <c r="D18" s="26"/>
      <c r="E18" s="26"/>
      <c r="F18" s="26"/>
      <c r="G18" s="26"/>
      <c r="H18" s="26"/>
      <c r="I18" s="26"/>
      <c r="J18" s="26"/>
      <c r="K18" s="26"/>
      <c r="L18" s="26"/>
    </row>
    <row r="19" spans="1:12" s="3" customFormat="1" ht="16.5" customHeight="1" x14ac:dyDescent="0.4">
      <c r="A19" s="30" t="s">
        <v>18</v>
      </c>
      <c r="B19" s="30"/>
      <c r="C19" s="30"/>
      <c r="D19" s="30" t="s">
        <v>19</v>
      </c>
      <c r="E19" s="30"/>
      <c r="F19" s="30"/>
      <c r="G19" s="30"/>
      <c r="H19" s="30"/>
      <c r="I19" s="30"/>
      <c r="J19" s="30"/>
      <c r="K19" s="30"/>
      <c r="L19" s="30"/>
    </row>
    <row r="20" spans="1:12" s="3" customFormat="1" ht="16.5" customHeight="1" x14ac:dyDescent="0.4">
      <c r="A20" s="31" t="s">
        <v>20</v>
      </c>
      <c r="B20" s="31"/>
      <c r="C20" s="31"/>
      <c r="D20" s="32" t="s">
        <v>21</v>
      </c>
      <c r="E20" s="32"/>
      <c r="F20" s="32"/>
      <c r="G20" s="32"/>
      <c r="H20" s="32"/>
      <c r="I20" s="32"/>
      <c r="J20" s="32"/>
      <c r="K20" s="32"/>
      <c r="L20" s="32"/>
    </row>
    <row r="21" spans="1:12" s="3" customFormat="1" ht="16.5" customHeight="1" x14ac:dyDescent="0.4">
      <c r="A21" s="28" t="s">
        <v>22</v>
      </c>
      <c r="B21" s="28"/>
      <c r="C21" s="2"/>
      <c r="D21" s="26"/>
      <c r="E21" s="26"/>
      <c r="F21" s="26"/>
      <c r="G21" s="26"/>
      <c r="H21" s="26"/>
      <c r="I21" s="26"/>
      <c r="J21" s="26"/>
      <c r="K21" s="26"/>
      <c r="L21" s="26"/>
    </row>
    <row r="22" spans="1:12" s="3" customFormat="1" ht="16.5" customHeight="1" x14ac:dyDescent="0.4">
      <c r="A22" s="28"/>
      <c r="B22" s="28"/>
      <c r="C22" s="2"/>
      <c r="D22" s="26"/>
      <c r="E22" s="26"/>
      <c r="F22" s="26"/>
      <c r="G22" s="26"/>
      <c r="H22" s="26"/>
      <c r="I22" s="26"/>
      <c r="J22" s="26"/>
      <c r="K22" s="26"/>
      <c r="L22" s="26"/>
    </row>
    <row r="23" spans="1:12" s="3" customFormat="1" ht="16.5" customHeight="1" x14ac:dyDescent="0.4">
      <c r="A23" s="28"/>
      <c r="B23" s="28"/>
      <c r="C23" s="4"/>
      <c r="D23" s="26"/>
      <c r="E23" s="26"/>
      <c r="F23" s="26"/>
      <c r="G23" s="26"/>
      <c r="H23" s="26"/>
      <c r="I23" s="26"/>
      <c r="J23" s="26"/>
      <c r="K23" s="26"/>
      <c r="L23" s="26"/>
    </row>
    <row r="24" spans="1:12" s="3" customFormat="1" ht="16.5" customHeight="1" x14ac:dyDescent="0.4">
      <c r="A24" s="29" t="s">
        <v>42</v>
      </c>
      <c r="B24" s="28"/>
      <c r="C24" s="4"/>
      <c r="D24" s="26" t="s">
        <v>2</v>
      </c>
      <c r="E24" s="26"/>
      <c r="F24" s="6" t="s">
        <v>23</v>
      </c>
      <c r="G24" s="6" t="s">
        <v>24</v>
      </c>
      <c r="H24" s="26" t="s">
        <v>25</v>
      </c>
      <c r="I24" s="26"/>
      <c r="J24" s="26"/>
      <c r="K24" s="26"/>
      <c r="L24" s="26"/>
    </row>
    <row r="25" spans="1:12" s="3" customFormat="1" ht="16.5" customHeight="1" x14ac:dyDescent="0.4">
      <c r="A25" s="28"/>
      <c r="B25" s="28"/>
      <c r="C25" s="4"/>
      <c r="D25" s="26"/>
      <c r="E25" s="26"/>
      <c r="F25" s="4"/>
      <c r="G25" s="4"/>
      <c r="H25" s="26"/>
      <c r="I25" s="26"/>
      <c r="J25" s="26"/>
      <c r="K25" s="26"/>
      <c r="L25" s="26"/>
    </row>
    <row r="26" spans="1:12" s="3" customFormat="1" ht="16.5" customHeight="1" x14ac:dyDescent="0.4">
      <c r="A26" s="28"/>
      <c r="B26" s="28"/>
      <c r="C26" s="4"/>
      <c r="D26" s="26"/>
      <c r="E26" s="26"/>
      <c r="F26" s="4"/>
      <c r="G26" s="4"/>
      <c r="H26" s="26"/>
      <c r="I26" s="26"/>
      <c r="J26" s="26"/>
      <c r="K26" s="26"/>
      <c r="L26" s="26"/>
    </row>
    <row r="27" spans="1:12" s="3" customFormat="1" ht="16.5" customHeight="1" x14ac:dyDescent="0.4">
      <c r="A27" s="28"/>
      <c r="B27" s="28"/>
      <c r="C27" s="4"/>
      <c r="D27" s="26"/>
      <c r="E27" s="26"/>
      <c r="F27" s="4"/>
      <c r="G27" s="4"/>
      <c r="H27" s="26"/>
      <c r="I27" s="26"/>
      <c r="J27" s="26"/>
      <c r="K27" s="26"/>
      <c r="L27" s="26"/>
    </row>
    <row r="28" spans="1:12" s="3" customFormat="1" ht="16.5" customHeight="1" x14ac:dyDescent="0.4">
      <c r="A28" s="28"/>
      <c r="B28" s="28"/>
      <c r="C28" s="4"/>
      <c r="D28" s="26"/>
      <c r="E28" s="26"/>
      <c r="F28" s="4"/>
      <c r="G28" s="4"/>
      <c r="H28" s="26"/>
      <c r="I28" s="26"/>
      <c r="J28" s="26"/>
      <c r="K28" s="26"/>
      <c r="L28" s="26"/>
    </row>
    <row r="29" spans="1:12" s="3" customFormat="1" ht="16.5" customHeight="1" x14ac:dyDescent="0.4">
      <c r="A29" s="28"/>
      <c r="B29" s="28"/>
      <c r="C29" s="4"/>
      <c r="D29" s="26"/>
      <c r="E29" s="26"/>
      <c r="F29" s="4"/>
      <c r="G29" s="4"/>
      <c r="H29" s="26"/>
      <c r="I29" s="26"/>
      <c r="J29" s="26"/>
      <c r="K29" s="26"/>
      <c r="L29" s="26"/>
    </row>
    <row r="30" spans="1:12" s="3" customFormat="1" ht="16.5" customHeight="1" x14ac:dyDescent="0.4">
      <c r="A30" s="27" t="s">
        <v>26</v>
      </c>
      <c r="B30" s="26"/>
      <c r="C30" s="4"/>
      <c r="D30" s="28" t="s">
        <v>27</v>
      </c>
      <c r="E30" s="28"/>
      <c r="F30" s="28"/>
      <c r="G30" s="28"/>
      <c r="H30" s="28"/>
      <c r="I30" s="28"/>
      <c r="J30" s="28"/>
      <c r="K30" s="28"/>
      <c r="L30" s="28"/>
    </row>
    <row r="31" spans="1:12" s="3" customFormat="1" ht="16.5" customHeight="1" x14ac:dyDescent="0.4">
      <c r="A31" s="26"/>
      <c r="B31" s="26"/>
      <c r="C31" s="4"/>
      <c r="D31" s="28" t="s">
        <v>28</v>
      </c>
      <c r="E31" s="28"/>
      <c r="F31" s="28"/>
      <c r="G31" s="28"/>
      <c r="H31" s="28"/>
      <c r="I31" s="28"/>
      <c r="J31" s="28"/>
      <c r="K31" s="28"/>
      <c r="L31" s="28"/>
    </row>
    <row r="32" spans="1:12" s="3" customFormat="1" ht="16.5" customHeight="1" x14ac:dyDescent="0.4">
      <c r="A32" s="26"/>
      <c r="B32" s="26"/>
      <c r="C32" s="4"/>
      <c r="D32" s="28" t="s">
        <v>29</v>
      </c>
      <c r="E32" s="28"/>
      <c r="F32" s="28"/>
      <c r="G32" s="28"/>
      <c r="H32" s="28"/>
      <c r="I32" s="28"/>
      <c r="J32" s="28"/>
      <c r="K32" s="28"/>
      <c r="L32" s="28"/>
    </row>
    <row r="33" spans="1:12" s="3" customFormat="1" ht="16.5" customHeight="1" x14ac:dyDescent="0.4">
      <c r="A33" s="26"/>
      <c r="B33" s="26"/>
      <c r="C33" s="4"/>
      <c r="D33" s="28" t="s">
        <v>30</v>
      </c>
      <c r="E33" s="28"/>
      <c r="F33" s="28"/>
      <c r="G33" s="28"/>
      <c r="H33" s="28"/>
      <c r="I33" s="28"/>
      <c r="J33" s="28"/>
      <c r="K33" s="28"/>
      <c r="L33" s="28"/>
    </row>
    <row r="34" spans="1:12" s="3" customFormat="1" ht="8.25" customHeight="1" x14ac:dyDescent="0.4">
      <c r="A34" s="7"/>
      <c r="B34" s="8"/>
      <c r="C34" s="8"/>
      <c r="D34" s="8"/>
      <c r="E34" s="8"/>
      <c r="F34" s="8"/>
      <c r="G34" s="8"/>
      <c r="H34" s="8"/>
      <c r="I34" s="8"/>
      <c r="J34" s="8"/>
      <c r="K34" s="8"/>
      <c r="L34" s="9"/>
    </row>
    <row r="35" spans="1:12" s="3" customFormat="1" ht="17.25" customHeight="1" x14ac:dyDescent="0.4">
      <c r="A35" s="10" t="s">
        <v>31</v>
      </c>
      <c r="B35" s="11"/>
      <c r="C35" s="11"/>
      <c r="D35" s="11"/>
      <c r="E35" s="11"/>
      <c r="F35" s="11"/>
      <c r="G35" s="11"/>
      <c r="H35" s="11"/>
      <c r="I35" s="11"/>
      <c r="J35" s="11"/>
      <c r="K35" s="11"/>
      <c r="L35" s="12"/>
    </row>
    <row r="36" spans="1:12" s="3" customFormat="1" ht="8.25" customHeight="1" x14ac:dyDescent="0.4">
      <c r="A36" s="13"/>
      <c r="B36" s="11"/>
      <c r="C36" s="11"/>
      <c r="D36" s="11"/>
      <c r="E36" s="11"/>
      <c r="F36" s="11"/>
      <c r="G36" s="11"/>
      <c r="H36" s="11"/>
      <c r="I36" s="11"/>
      <c r="J36" s="11"/>
      <c r="K36" s="11"/>
      <c r="L36" s="12"/>
    </row>
    <row r="37" spans="1:12" s="3" customFormat="1" ht="17.25" customHeight="1" x14ac:dyDescent="0.4">
      <c r="A37" s="10" t="s">
        <v>32</v>
      </c>
      <c r="B37" s="11"/>
      <c r="C37" s="11"/>
      <c r="D37" s="11"/>
      <c r="E37" s="11"/>
      <c r="F37" s="11"/>
      <c r="G37" s="11"/>
      <c r="H37" s="11"/>
      <c r="I37" s="11"/>
      <c r="J37" s="11"/>
      <c r="K37" s="11"/>
      <c r="L37" s="12"/>
    </row>
    <row r="38" spans="1:12" s="3" customFormat="1" ht="8.25" customHeight="1" x14ac:dyDescent="0.4">
      <c r="A38" s="13"/>
      <c r="B38" s="11"/>
      <c r="C38" s="11"/>
      <c r="D38" s="11"/>
      <c r="E38" s="11"/>
      <c r="F38" s="11"/>
      <c r="G38" s="11"/>
      <c r="H38" s="11"/>
      <c r="I38" s="11"/>
      <c r="J38" s="11"/>
      <c r="K38" s="11"/>
      <c r="L38" s="12"/>
    </row>
    <row r="39" spans="1:12" s="3" customFormat="1" ht="17.25" customHeight="1" x14ac:dyDescent="0.4">
      <c r="A39" s="13"/>
      <c r="B39" s="11"/>
      <c r="C39" s="11"/>
      <c r="D39" s="11"/>
      <c r="E39" s="11"/>
      <c r="F39" s="11"/>
      <c r="G39" s="3" t="s">
        <v>33</v>
      </c>
      <c r="H39" s="11"/>
      <c r="I39" s="11"/>
      <c r="J39" s="11"/>
      <c r="K39" s="11"/>
      <c r="L39" s="12"/>
    </row>
    <row r="40" spans="1:12" s="3" customFormat="1" ht="8.25" customHeight="1" x14ac:dyDescent="0.4">
      <c r="A40" s="13"/>
      <c r="B40" s="11"/>
      <c r="C40" s="11"/>
      <c r="D40" s="11"/>
      <c r="E40" s="11"/>
      <c r="F40" s="11"/>
      <c r="G40" s="11"/>
      <c r="H40" s="11"/>
      <c r="I40" s="11"/>
      <c r="J40" s="11"/>
      <c r="K40" s="11"/>
      <c r="L40" s="12"/>
    </row>
    <row r="41" spans="1:12" s="3" customFormat="1" ht="17.25" customHeight="1" x14ac:dyDescent="0.4">
      <c r="A41" s="13"/>
      <c r="B41" s="11"/>
      <c r="C41" s="11"/>
      <c r="D41" s="11"/>
      <c r="E41" s="11"/>
      <c r="F41" s="11"/>
      <c r="G41" s="11" t="s">
        <v>34</v>
      </c>
      <c r="H41" s="11"/>
      <c r="I41" s="11"/>
      <c r="J41" s="11"/>
      <c r="K41" s="11"/>
      <c r="L41" s="12"/>
    </row>
    <row r="42" spans="1:12" s="3" customFormat="1" ht="8.25" customHeight="1" x14ac:dyDescent="0.4">
      <c r="A42" s="10"/>
      <c r="L42" s="14"/>
    </row>
    <row r="43" spans="1:12" s="3" customFormat="1" ht="16.5" customHeight="1" x14ac:dyDescent="0.4">
      <c r="A43" s="10"/>
      <c r="G43" s="3" t="s">
        <v>35</v>
      </c>
      <c r="L43" s="14"/>
    </row>
    <row r="44" spans="1:12" s="3" customFormat="1" ht="8.25" customHeight="1" x14ac:dyDescent="0.4">
      <c r="A44" s="15"/>
      <c r="B44" s="16"/>
      <c r="C44" s="16"/>
      <c r="D44" s="16"/>
      <c r="E44" s="16"/>
      <c r="F44" s="16"/>
      <c r="G44" s="16"/>
      <c r="H44" s="16"/>
      <c r="I44" s="16"/>
      <c r="J44" s="16"/>
      <c r="K44" s="16"/>
      <c r="L44" s="17"/>
    </row>
    <row r="45" spans="1:12" s="3" customFormat="1" ht="15" customHeight="1" x14ac:dyDescent="0.4">
      <c r="A45" s="3" t="s">
        <v>36</v>
      </c>
    </row>
    <row r="46" spans="1:12" s="3" customFormat="1" ht="5.0999999999999996" customHeight="1" x14ac:dyDescent="0.4"/>
    <row r="47" spans="1:12" s="3" customFormat="1" ht="16.5" customHeight="1" x14ac:dyDescent="0.4">
      <c r="A47" s="3" t="s">
        <v>37</v>
      </c>
    </row>
    <row r="48" spans="1:12" s="3" customFormat="1" ht="4.5" customHeight="1" x14ac:dyDescent="0.4"/>
    <row r="49" spans="1:12" s="3" customFormat="1" ht="16.5" customHeight="1" x14ac:dyDescent="0.4">
      <c r="A49" s="3" t="s">
        <v>38</v>
      </c>
    </row>
    <row r="50" spans="1:12" s="3" customFormat="1" ht="4.5" customHeight="1" x14ac:dyDescent="0.4"/>
    <row r="51" spans="1:12" s="3" customFormat="1" ht="16.5" customHeight="1" x14ac:dyDescent="0.4">
      <c r="A51" s="3" t="s">
        <v>39</v>
      </c>
    </row>
    <row r="52" spans="1:12" s="3" customFormat="1" ht="4.5" customHeight="1" x14ac:dyDescent="0.4"/>
    <row r="53" spans="1:12" s="3" customFormat="1" ht="16.5" customHeight="1" x14ac:dyDescent="0.4">
      <c r="A53" s="3" t="s">
        <v>40</v>
      </c>
    </row>
    <row r="54" spans="1:12" s="3" customFormat="1" ht="11.25" customHeight="1" thickBot="1" x14ac:dyDescent="0.45"/>
    <row r="55" spans="1:12" s="3" customFormat="1" ht="16.5" customHeight="1" thickTop="1" x14ac:dyDescent="0.4">
      <c r="A55" s="18" t="s">
        <v>41</v>
      </c>
      <c r="B55" s="19"/>
      <c r="C55" s="19"/>
      <c r="D55" s="19"/>
      <c r="E55" s="19"/>
      <c r="F55" s="19"/>
      <c r="G55" s="19"/>
      <c r="H55" s="19"/>
      <c r="I55" s="19"/>
      <c r="J55" s="19"/>
      <c r="K55" s="19"/>
      <c r="L55" s="20"/>
    </row>
    <row r="56" spans="1:12" s="3" customFormat="1" ht="16.5" customHeight="1" x14ac:dyDescent="0.4">
      <c r="A56" s="21"/>
      <c r="L56" s="22"/>
    </row>
    <row r="57" spans="1:12" s="3" customFormat="1" ht="16.5" customHeight="1" thickBot="1" x14ac:dyDescent="0.45">
      <c r="A57" s="23"/>
      <c r="B57" s="24"/>
      <c r="C57" s="24"/>
      <c r="D57" s="24"/>
      <c r="E57" s="24"/>
      <c r="F57" s="24"/>
      <c r="G57" s="24"/>
      <c r="H57" s="24"/>
      <c r="I57" s="24"/>
      <c r="J57" s="24"/>
      <c r="K57" s="24"/>
      <c r="L57" s="25"/>
    </row>
    <row r="58" spans="1:12" s="3" customFormat="1" ht="16.5" customHeight="1" thickTop="1" x14ac:dyDescent="0.4"/>
    <row r="59" spans="1:12" s="3" customFormat="1" ht="16.5" customHeight="1" x14ac:dyDescent="0.4"/>
    <row r="60" spans="1:12" s="3" customFormat="1" ht="16.5" customHeight="1" x14ac:dyDescent="0.4"/>
    <row r="61" spans="1:12" ht="16.5" customHeight="1" x14ac:dyDescent="0.4"/>
    <row r="62" spans="1:12" ht="16.5" customHeight="1" x14ac:dyDescent="0.4"/>
    <row r="63" spans="1:12" ht="16.5" customHeight="1" x14ac:dyDescent="0.4"/>
    <row r="64" spans="1:12" ht="16.5" customHeight="1" x14ac:dyDescent="0.4"/>
    <row r="65" ht="16.5" customHeight="1" x14ac:dyDescent="0.4"/>
    <row r="66" ht="15" customHeight="1" x14ac:dyDescent="0.4"/>
    <row r="67" ht="15" customHeight="1" x14ac:dyDescent="0.4"/>
    <row r="68" ht="15" customHeight="1" x14ac:dyDescent="0.4"/>
    <row r="69" ht="15" customHeight="1" x14ac:dyDescent="0.4"/>
    <row r="70" ht="15" customHeight="1" x14ac:dyDescent="0.4"/>
  </sheetData>
  <mergeCells count="55">
    <mergeCell ref="A1:L1"/>
    <mergeCell ref="A2:C2"/>
    <mergeCell ref="A4:C4"/>
    <mergeCell ref="D4:G4"/>
    <mergeCell ref="H4:I4"/>
    <mergeCell ref="J4:L4"/>
    <mergeCell ref="A10:C10"/>
    <mergeCell ref="A5:C5"/>
    <mergeCell ref="D5:G5"/>
    <mergeCell ref="H5:I5"/>
    <mergeCell ref="A6:C6"/>
    <mergeCell ref="D6:F6"/>
    <mergeCell ref="G6:I6"/>
    <mergeCell ref="J6:L6"/>
    <mergeCell ref="A7:C7"/>
    <mergeCell ref="D7:F7"/>
    <mergeCell ref="G7:I7"/>
    <mergeCell ref="J7:L7"/>
    <mergeCell ref="A12:C12"/>
    <mergeCell ref="D12:G12"/>
    <mergeCell ref="H12:I12"/>
    <mergeCell ref="J12:L12"/>
    <mergeCell ref="A13:C13"/>
    <mergeCell ref="D13:G13"/>
    <mergeCell ref="H13:I13"/>
    <mergeCell ref="A14:C14"/>
    <mergeCell ref="D14:L14"/>
    <mergeCell ref="A15:C15"/>
    <mergeCell ref="D15:L15"/>
    <mergeCell ref="A16:C18"/>
    <mergeCell ref="D16:L18"/>
    <mergeCell ref="H27:L27"/>
    <mergeCell ref="D28:E28"/>
    <mergeCell ref="A19:C19"/>
    <mergeCell ref="D19:L19"/>
    <mergeCell ref="A20:C20"/>
    <mergeCell ref="D20:L20"/>
    <mergeCell ref="A21:B23"/>
    <mergeCell ref="D21:L23"/>
    <mergeCell ref="H28:L28"/>
    <mergeCell ref="D29:E29"/>
    <mergeCell ref="H29:L29"/>
    <mergeCell ref="A30:B33"/>
    <mergeCell ref="D30:L30"/>
    <mergeCell ref="D31:L31"/>
    <mergeCell ref="D32:L32"/>
    <mergeCell ref="D33:L33"/>
    <mergeCell ref="A24:B29"/>
    <mergeCell ref="D24:E24"/>
    <mergeCell ref="H24:L24"/>
    <mergeCell ref="D25:E25"/>
    <mergeCell ref="H25:L25"/>
    <mergeCell ref="D26:E26"/>
    <mergeCell ref="H26:L26"/>
    <mergeCell ref="D27:E27"/>
  </mergeCells>
  <phoneticPr fontId="2"/>
  <printOptions horizontalCentered="1" verticalCentered="1"/>
  <pageMargins left="0.43307086614173229" right="0.27559055118110237" top="0.39370078740157483" bottom="0.39370078740157483" header="0.31496062992125984" footer="0.31496062992125984"/>
  <pageSetup paperSize="9" scale="9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看護介護申立書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粟國　由里江</dc:creator>
  <cp:lastModifiedBy>粟國　由里江</cp:lastModifiedBy>
  <dcterms:created xsi:type="dcterms:W3CDTF">2026-02-13T07:45:18Z</dcterms:created>
  <dcterms:modified xsi:type="dcterms:W3CDTF">2026-02-17T08:33:24Z</dcterms:modified>
</cp:coreProperties>
</file>